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header5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B1078D" w14:textId="65BAA743" w:rsidR="000A7F42" w:rsidRDefault="000A7F42" w:rsidP="003C4650"/>
    <w:p w14:paraId="647B7D12" w14:textId="77777777" w:rsidR="001933A2" w:rsidRDefault="001933A2" w:rsidP="003C4650"/>
    <w:p w14:paraId="7079F500" w14:textId="77777777" w:rsidR="001933A2" w:rsidRDefault="001933A2" w:rsidP="003C4650"/>
    <w:p w14:paraId="11B8FC8F" w14:textId="77777777" w:rsidR="00783A04" w:rsidRDefault="00783A04" w:rsidP="003C4650"/>
    <w:p w14:paraId="00BDC1A9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24DD50FE" wp14:editId="5978DED6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32426C" w14:paraId="787C41B3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e90db8f6-dc30-4007-8517-93e8165eec69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51602F5" w14:textId="3D338A86" w:rsidR="00FC514D" w:rsidRDefault="00CB04BD">
                                      <w:pPr>
                                        <w:pStyle w:val="DocTitle"/>
                                      </w:pPr>
                                      <w:r>
                                        <w:t>Asset Information Requirements</w:t>
                                      </w:r>
                                      <w:r w:rsidR="003F7AEB">
                                        <w:t xml:space="preserve"> (AIR)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14:paraId="344651CF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8f9eab02-51eb-4f5d-b260-d73038a476be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1F161EB" w14:textId="222E9DDA" w:rsidR="00FC514D" w:rsidRDefault="00CB04BD">
                                      <w:pPr>
                                        <w:pStyle w:val="DocSubTitle"/>
                                      </w:pPr>
                                      <w:r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14:paraId="5E43AE0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08BD3916" w14:textId="6DE68091" w:rsidR="0032426C" w:rsidRPr="00023DC9" w:rsidRDefault="0032426C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7025C5" w14:paraId="471A447F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0e8ea198-7fbf-4419-91c8-32a6e911c014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6577FC63" w14:textId="77777777" w:rsidR="00FC514D" w:rsidRDefault="003B760A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5C29081" w14:textId="77777777" w:rsidR="00FD3EAF" w:rsidRDefault="00FD3EAF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DD50FE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32426C" w14:paraId="787C41B3" w14:textId="77777777" w:rsidTr="000A5025">
                        <w:sdt>
                          <w:sdtPr>
                            <w:alias w:val="Document Title"/>
                            <w:tag w:val="{&quot;templafy&quot;:{&quot;id&quot;:&quot;e90db8f6-dc30-4007-8517-93e8165eec69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Content>
                            <w:tc>
                              <w:tcPr>
                                <w:tcW w:w="7031" w:type="dxa"/>
                              </w:tcPr>
                              <w:p w14:paraId="451602F5" w14:textId="3D338A86" w:rsidR="00FC514D" w:rsidRDefault="00CB04BD">
                                <w:pPr>
                                  <w:pStyle w:val="DocTitle"/>
                                </w:pPr>
                                <w:r>
                                  <w:t>Asset Information Requirements</w:t>
                                </w:r>
                                <w:r w:rsidR="003F7AEB">
                                  <w:t xml:space="preserve"> (AIR)</w:t>
                                </w:r>
                              </w:p>
                            </w:tc>
                          </w:sdtContent>
                        </w:sdt>
                      </w:tr>
                      <w:tr w:rsidR="0032426C" w14:paraId="344651CF" w14:textId="77777777" w:rsidTr="000A5025">
                        <w:sdt>
                          <w:sdtPr>
                            <w:alias w:val="Document Subtitle"/>
                            <w:tag w:val="{&quot;templafy&quot;:{&quot;id&quot;:&quot;8f9eab02-51eb-4f5d-b260-d73038a476be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Content>
                            <w:tc>
                              <w:tcPr>
                                <w:tcW w:w="7031" w:type="dxa"/>
                              </w:tcPr>
                              <w:p w14:paraId="51F161EB" w14:textId="222E9DDA" w:rsidR="00FC514D" w:rsidRDefault="00CB04BD">
                                <w:pPr>
                                  <w:pStyle w:val="DocSubTitle"/>
                                </w:pPr>
                                <w:r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32426C" w14:paraId="5E43AE0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08BD3916" w14:textId="6DE68091" w:rsidR="0032426C" w:rsidRPr="00023DC9" w:rsidRDefault="0032426C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7025C5" w14:paraId="471A447F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0e8ea198-7fbf-4419-91c8-32a6e911c014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Content>
                            <w:tc>
                              <w:tcPr>
                                <w:tcW w:w="7031" w:type="dxa"/>
                              </w:tcPr>
                              <w:p w14:paraId="6577FC63" w14:textId="77777777" w:rsidR="00FC514D" w:rsidRDefault="003B760A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5C29081" w14:textId="77777777" w:rsidR="00FD3EAF" w:rsidRDefault="00FD3EAF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1CFF484" w14:textId="77777777" w:rsidR="00087A17" w:rsidRDefault="00000000" w:rsidP="003C4650"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29BA2749" w14:textId="77777777" w:rsidR="00B919E2" w:rsidRPr="00B919E2" w:rsidRDefault="00B919E2" w:rsidP="00B919E2"/>
    <w:p w14:paraId="443EACA6" w14:textId="77777777" w:rsidR="00B919E2" w:rsidRPr="00B919E2" w:rsidRDefault="00B919E2" w:rsidP="00B919E2"/>
    <w:p w14:paraId="3E12CC71" w14:textId="77777777" w:rsidR="00B919E2" w:rsidRPr="00B919E2" w:rsidRDefault="00B919E2" w:rsidP="00B919E2"/>
    <w:p w14:paraId="34423727" w14:textId="77777777" w:rsidR="00B919E2" w:rsidRDefault="00B919E2" w:rsidP="00B919E2"/>
    <w:p w14:paraId="2A7FFB8A" w14:textId="0CEDE5E5" w:rsidR="00B919E2" w:rsidRDefault="00B919E2" w:rsidP="00B919E2">
      <w:pPr>
        <w:tabs>
          <w:tab w:val="left" w:pos="2880"/>
        </w:tabs>
      </w:pPr>
      <w:r>
        <w:tab/>
      </w:r>
    </w:p>
    <w:p w14:paraId="0ABB1D5B" w14:textId="0AE1A119" w:rsidR="00B919E2" w:rsidRPr="00B919E2" w:rsidRDefault="00B919E2" w:rsidP="00B919E2">
      <w:pPr>
        <w:tabs>
          <w:tab w:val="left" w:pos="2880"/>
        </w:tabs>
        <w:sectPr w:rsidR="00B919E2" w:rsidRPr="00B919E2" w:rsidSect="00E038D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1798" w:gutter="0"/>
          <w:pgNumType w:fmt="lowerRoman" w:start="2"/>
          <w:cols w:space="708"/>
          <w:docGrid w:linePitch="360"/>
        </w:sectPr>
      </w:pPr>
      <w:r>
        <w:tab/>
      </w:r>
    </w:p>
    <w:sdt>
      <w:sdtPr>
        <w:alias w:val="Contents"/>
        <w:tag w:val="{&quot;templafy&quot;:{&quot;id&quot;:&quot;2fec311b-4ae4-4e04-afd1-88dcffdfdd3b&quot;}}"/>
        <w:id w:val="-1835292722"/>
        <w:placeholder>
          <w:docPart w:val="C55837C2D1D64E7DBFBE5821A03F2DA4"/>
        </w:placeholder>
      </w:sdtPr>
      <w:sdtContent>
        <w:p w14:paraId="71283A13" w14:textId="77777777" w:rsidR="00FC514D" w:rsidRDefault="003B760A">
          <w:pPr>
            <w:pStyle w:val="SecHeadNonToc"/>
          </w:pPr>
          <w:r>
            <w:t>Contents</w:t>
          </w:r>
        </w:p>
      </w:sdtContent>
    </w:sdt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583F50C9" w14:textId="10A2F97E" w:rsidR="0021688E" w:rsidRDefault="00471DC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rPr>
              <w:color w:val="2FB6BC" w:themeColor="accent1"/>
              <w:sz w:val="32"/>
            </w:rPr>
            <w:fldChar w:fldCharType="begin"/>
          </w:r>
          <w:r>
            <w:rPr>
              <w:color w:val="2FB6BC" w:themeColor="accent1"/>
              <w:sz w:val="32"/>
            </w:rPr>
            <w:instrText xml:space="preserve"> TOC \o "1-3" \h \z \u </w:instrText>
          </w:r>
          <w:r>
            <w:rPr>
              <w:color w:val="2FB6BC" w:themeColor="accent1"/>
              <w:sz w:val="32"/>
            </w:rPr>
            <w:fldChar w:fldCharType="separate"/>
          </w:r>
          <w:hyperlink w:anchor="_Toc87522242" w:history="1">
            <w:r w:rsidR="0021688E" w:rsidRPr="00477DA8">
              <w:rPr>
                <w:rStyle w:val="Hyperlink"/>
              </w:rPr>
              <w:t>Introduction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2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1</w:t>
            </w:r>
            <w:r w:rsidR="0021688E">
              <w:rPr>
                <w:webHidden/>
              </w:rPr>
              <w:fldChar w:fldCharType="end"/>
            </w:r>
          </w:hyperlink>
        </w:p>
        <w:p w14:paraId="100B1CCB" w14:textId="1E267CE8" w:rsidR="0021688E" w:rsidRDefault="00000000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43" w:history="1">
            <w:r w:rsidR="0021688E" w:rsidRPr="00477DA8">
              <w:rPr>
                <w:rStyle w:val="Hyperlink"/>
                <w:lang w:eastAsia="en-GB"/>
              </w:rPr>
              <w:t>1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Maintainable asse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3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2</w:t>
            </w:r>
            <w:r w:rsidR="0021688E">
              <w:rPr>
                <w:webHidden/>
              </w:rPr>
              <w:fldChar w:fldCharType="end"/>
            </w:r>
          </w:hyperlink>
        </w:p>
        <w:p w14:paraId="155C4F32" w14:textId="7EDAA1DE" w:rsidR="0021688E" w:rsidRDefault="00000000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4" w:history="1">
            <w:r w:rsidR="0021688E" w:rsidRPr="00477DA8">
              <w:rPr>
                <w:rStyle w:val="Hyperlink"/>
                <w:lang w:val="en-US" w:eastAsia="en-GB"/>
              </w:rPr>
              <w:t>1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chedule of maintainable asse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4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2</w:t>
            </w:r>
            <w:r w:rsidR="0021688E">
              <w:rPr>
                <w:webHidden/>
              </w:rPr>
              <w:fldChar w:fldCharType="end"/>
            </w:r>
          </w:hyperlink>
        </w:p>
        <w:p w14:paraId="1156F487" w14:textId="0B83312E" w:rsidR="0021688E" w:rsidRDefault="00000000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45" w:history="1">
            <w:r w:rsidR="0021688E" w:rsidRPr="00477DA8">
              <w:rPr>
                <w:rStyle w:val="Hyperlink"/>
                <w:lang w:eastAsia="en-GB"/>
              </w:rPr>
              <w:t>2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Information requiremen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5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4FEF9DD5" w14:textId="25D4FA92" w:rsidR="0021688E" w:rsidRDefault="00000000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6" w:history="1">
            <w:r w:rsidR="0021688E" w:rsidRPr="00477DA8">
              <w:rPr>
                <w:rStyle w:val="Hyperlink"/>
                <w:lang w:val="en-US" w:eastAsia="en-GB"/>
              </w:rPr>
              <w:t>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Data structure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6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3686D676" w14:textId="34E34142" w:rsidR="0021688E" w:rsidRDefault="00000000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7" w:history="1">
            <w:r w:rsidR="0021688E" w:rsidRPr="00477DA8">
              <w:rPr>
                <w:rStyle w:val="Hyperlink"/>
                <w:lang w:val="en-US" w:eastAsia="en-GB"/>
              </w:rPr>
              <w:t>2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Asset information requirements (AIR)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7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6DDE3DCA" w14:textId="52C4A980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8" w:history="1">
            <w:r w:rsidR="0021688E" w:rsidRPr="00477DA8">
              <w:rPr>
                <w:rStyle w:val="Hyperlink"/>
                <w:lang w:val="en-US" w:eastAsia="en-GB"/>
              </w:rPr>
              <w:t>2.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Maintenance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8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4</w:t>
            </w:r>
            <w:r w:rsidR="0021688E">
              <w:rPr>
                <w:webHidden/>
              </w:rPr>
              <w:fldChar w:fldCharType="end"/>
            </w:r>
          </w:hyperlink>
        </w:p>
        <w:p w14:paraId="01F54ED2" w14:textId="32CC467C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9" w:history="1">
            <w:r w:rsidR="0021688E" w:rsidRPr="00477DA8">
              <w:rPr>
                <w:rStyle w:val="Hyperlink"/>
                <w:lang w:val="en-US" w:eastAsia="en-GB"/>
              </w:rPr>
              <w:t>2.2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ustainability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9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5</w:t>
            </w:r>
            <w:r w:rsidR="0021688E">
              <w:rPr>
                <w:webHidden/>
              </w:rPr>
              <w:fldChar w:fldCharType="end"/>
            </w:r>
          </w:hyperlink>
        </w:p>
        <w:p w14:paraId="3ADD7913" w14:textId="06D975EC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0" w:history="1">
            <w:r w:rsidR="0021688E" w:rsidRPr="00477DA8">
              <w:rPr>
                <w:rStyle w:val="Hyperlink"/>
                <w:lang w:val="en-US" w:eastAsia="en-GB"/>
              </w:rPr>
              <w:t>2.2.3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 xml:space="preserve">Asset operation efficiency 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0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6</w:t>
            </w:r>
            <w:r w:rsidR="0021688E">
              <w:rPr>
                <w:webHidden/>
              </w:rPr>
              <w:fldChar w:fldCharType="end"/>
            </w:r>
          </w:hyperlink>
        </w:p>
        <w:p w14:paraId="5D7A9CE1" w14:textId="7A491D40" w:rsidR="0021688E" w:rsidRDefault="00000000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51" w:history="1">
            <w:r w:rsidR="0021688E" w:rsidRPr="00477DA8">
              <w:rPr>
                <w:rStyle w:val="Hyperlink"/>
                <w:lang w:eastAsia="en-GB"/>
              </w:rPr>
              <w:t>3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Information standards, information production methods and procedur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1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43E13F73" w14:textId="0132C5ED" w:rsidR="0021688E" w:rsidRDefault="00000000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2" w:history="1">
            <w:r w:rsidR="0021688E" w:rsidRPr="00477DA8">
              <w:rPr>
                <w:rStyle w:val="Hyperlink"/>
              </w:rPr>
              <w:t>3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standard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2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334C0535" w14:textId="40E543F7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3" w:history="1">
            <w:r w:rsidR="0021688E" w:rsidRPr="00477DA8">
              <w:rPr>
                <w:rStyle w:val="Hyperlink"/>
              </w:rPr>
              <w:t>3.1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management standard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3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06708159" w14:textId="16617907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4" w:history="1">
            <w:r w:rsidR="0021688E" w:rsidRPr="00477DA8">
              <w:rPr>
                <w:rStyle w:val="Hyperlink"/>
              </w:rPr>
              <w:t>3.1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Asset identification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4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251EE490" w14:textId="1994D1FE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5" w:history="1">
            <w:r w:rsidR="0021688E" w:rsidRPr="00477DA8">
              <w:rPr>
                <w:rStyle w:val="Hyperlink"/>
                <w:lang w:val="en-US" w:eastAsia="en-GB"/>
              </w:rPr>
              <w:t>3.1.3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Asset information model (AIM) deliverabl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5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2D3328C1" w14:textId="0430FCCC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6" w:history="1">
            <w:r w:rsidR="0021688E" w:rsidRPr="00477DA8">
              <w:rPr>
                <w:rStyle w:val="Hyperlink"/>
              </w:rPr>
              <w:t>3.1.4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classification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6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1EAF2FAF" w14:textId="253B8417" w:rsidR="0021688E" w:rsidRDefault="00000000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7" w:history="1">
            <w:r w:rsidR="0021688E" w:rsidRPr="00477DA8">
              <w:rPr>
                <w:rStyle w:val="Hyperlink"/>
              </w:rPr>
              <w:t>3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production methods and procedur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7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41C50F8F" w14:textId="2D48ED38" w:rsidR="0021688E" w:rsidRDefault="00000000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8" w:history="1">
            <w:r w:rsidR="0021688E" w:rsidRPr="00477DA8">
              <w:rPr>
                <w:rStyle w:val="Hyperlink"/>
                <w:lang w:val="en-US" w:eastAsia="en-GB"/>
              </w:rPr>
              <w:t>3.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oft landing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8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52487ED7" w14:textId="683BC8BE" w:rsidR="00851B39" w:rsidRPr="00A87232" w:rsidRDefault="00471DC1" w:rsidP="00A87232">
          <w:pPr>
            <w:pStyle w:val="TOC5"/>
          </w:pPr>
          <w:r>
            <w:rPr>
              <w:color w:val="2FB6BC" w:themeColor="accent1"/>
              <w:sz w:val="32"/>
            </w:rPr>
            <w:fldChar w:fldCharType="end"/>
          </w:r>
        </w:p>
      </w:sdtContent>
    </w:sdt>
    <w:p w14:paraId="651C7E5B" w14:textId="77777777" w:rsidR="0049799B" w:rsidRDefault="00000000" w:rsidP="0049799B">
      <w:pPr>
        <w:pStyle w:val="TOC6"/>
        <w:ind w:left="0" w:firstLine="0"/>
        <w:rPr>
          <w:vanish/>
        </w:rPr>
      </w:pPr>
      <w:sdt>
        <w:sdtPr>
          <w:alias w:val="Tables"/>
          <w:tag w:val="{&quot;SkabelonDesign&quot;:{&quot;type&quot;:&quot;text&quot;,&quot;ignoreBlank&quot;:&quot;true&quot;,&quot;binding&quot;:&quot;Doc.Prop.OfficeExtensionsTranslationTables&quot;}}"/>
          <w:id w:val="-963421092"/>
          <w:placeholder>
            <w:docPart w:val="114D004477B74B7D91B5BE781561ECAB"/>
          </w:placeholder>
        </w:sdtPr>
        <w:sdtContent>
          <w:r w:rsidR="0049799B">
            <w:t>Tables</w:t>
          </w:r>
        </w:sdtContent>
      </w:sdt>
      <w:r w:rsidR="0049799B">
        <w:rPr>
          <w:vanish/>
        </w:rPr>
        <w:t xml:space="preserve"> </w:t>
      </w:r>
    </w:p>
    <w:sdt>
      <w:sdtPr>
        <w:rPr>
          <w:rFonts w:asciiTheme="minorHAnsi" w:hAnsiTheme="minorHAnsi"/>
          <w:noProof w:val="0"/>
          <w:vanish/>
          <w:color w:val="auto"/>
          <w:sz w:val="20"/>
          <w:szCs w:val="20"/>
        </w:rPr>
        <w:alias w:val="Table of Tables"/>
        <w:tag w:val="{&quot;templafy&quot;:{&quot;id&quot;:&quot;99a861a3-765d-4f6a-861d-892e30b42062&quot;}}"/>
        <w:id w:val="-1785186321"/>
        <w:placeholder>
          <w:docPart w:val="DefaultPlaceholder_-1854013440"/>
        </w:placeholder>
      </w:sdtPr>
      <w:sdtContent>
        <w:p w14:paraId="4845A89F" w14:textId="471754C9" w:rsidR="00851B39" w:rsidRPr="00851B39" w:rsidRDefault="00A7424B" w:rsidP="0049799B">
          <w:pPr>
            <w:pStyle w:val="TOC6"/>
            <w:ind w:left="0" w:firstLine="0"/>
          </w:pPr>
          <w:r>
            <w:rPr>
              <w:vanish/>
            </w:rPr>
            <w:t>Tables</w:t>
          </w:r>
          <w:r w:rsidR="0049799B" w:rsidRPr="0049799B">
            <w:t xml:space="preserve"> </w:t>
          </w:r>
        </w:p>
        <w:p w14:paraId="29B03E11" w14:textId="382BC450" w:rsidR="00FF1C27" w:rsidRDefault="00D46FB5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>
            <w:rPr>
              <w:vanish/>
            </w:rPr>
            <w:fldChar w:fldCharType="begin"/>
          </w:r>
          <w:r>
            <w:rPr>
              <w:vanish/>
            </w:rPr>
            <w:instrText xml:space="preserve"> TOC \h \z \c "Table" </w:instrText>
          </w:r>
          <w:r>
            <w:rPr>
              <w:vanish/>
            </w:rPr>
            <w:fldChar w:fldCharType="separate"/>
          </w:r>
          <w:hyperlink w:anchor="_Toc87522410" w:history="1">
            <w:r w:rsidR="00FF1C27" w:rsidRPr="00B31F3B">
              <w:rPr>
                <w:rStyle w:val="Hyperlink"/>
              </w:rPr>
              <w:t>Table 2.1: Maintenance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0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4</w:t>
            </w:r>
            <w:r w:rsidR="00FF1C27">
              <w:rPr>
                <w:webHidden/>
              </w:rPr>
              <w:fldChar w:fldCharType="end"/>
            </w:r>
          </w:hyperlink>
        </w:p>
        <w:p w14:paraId="6949D742" w14:textId="4FCD37E5" w:rsidR="00FF1C27" w:rsidRDefault="00000000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1" w:history="1">
            <w:r w:rsidR="00FF1C27" w:rsidRPr="00B31F3B">
              <w:rPr>
                <w:rStyle w:val="Hyperlink"/>
              </w:rPr>
              <w:t>Table 2.2: Sustainability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1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5</w:t>
            </w:r>
            <w:r w:rsidR="00FF1C27">
              <w:rPr>
                <w:webHidden/>
              </w:rPr>
              <w:fldChar w:fldCharType="end"/>
            </w:r>
          </w:hyperlink>
        </w:p>
        <w:p w14:paraId="50D3EAF3" w14:textId="33A3CD4C" w:rsidR="00FF1C27" w:rsidRDefault="00000000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2" w:history="1">
            <w:r w:rsidR="00FF1C27" w:rsidRPr="00B31F3B">
              <w:rPr>
                <w:rStyle w:val="Hyperlink"/>
              </w:rPr>
              <w:t>Table 2.3: Operation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2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6</w:t>
            </w:r>
            <w:r w:rsidR="00FF1C27">
              <w:rPr>
                <w:webHidden/>
              </w:rPr>
              <w:fldChar w:fldCharType="end"/>
            </w:r>
          </w:hyperlink>
        </w:p>
        <w:p w14:paraId="6CE93C4C" w14:textId="34DDF18D" w:rsidR="00FF1C27" w:rsidRDefault="00000000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3" w:history="1">
            <w:r w:rsidR="00FF1C27" w:rsidRPr="00B31F3B">
              <w:rPr>
                <w:rStyle w:val="Hyperlink"/>
              </w:rPr>
              <w:t>Table 3.1: Asset identification convention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3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7</w:t>
            </w:r>
            <w:r w:rsidR="00FF1C27">
              <w:rPr>
                <w:webHidden/>
              </w:rPr>
              <w:fldChar w:fldCharType="end"/>
            </w:r>
          </w:hyperlink>
        </w:p>
        <w:p w14:paraId="4A391EEE" w14:textId="4ABB2F83" w:rsidR="00F12212" w:rsidRPr="003556D8" w:rsidRDefault="00D46FB5" w:rsidP="00A7424B">
          <w:pPr>
            <w:rPr>
              <w:vanish/>
            </w:rPr>
          </w:pPr>
          <w:r>
            <w:rPr>
              <w:vanish/>
            </w:rPr>
            <w:fldChar w:fldCharType="end"/>
          </w:r>
        </w:p>
      </w:sdtContent>
    </w:sdt>
    <w:p w14:paraId="55ADEF9B" w14:textId="3DA75A92" w:rsidR="00087A17" w:rsidRPr="00586151" w:rsidRDefault="00000000" w:rsidP="00087A17">
      <w:pPr>
        <w:sectPr w:rsidR="00087A17" w:rsidRPr="00586151" w:rsidSect="00D05D49">
          <w:headerReference w:type="default" r:id="rId15"/>
          <w:footerReference w:type="default" r:id="rId16"/>
          <w:headerReference w:type="first" r:id="rId17"/>
          <w:footerReference w:type="first" r:id="rId18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Content>
          <w:r w:rsidR="00087A17" w:rsidRPr="00586151">
            <w:t xml:space="preserve"> </w:t>
          </w:r>
        </w:sdtContent>
      </w:sdt>
    </w:p>
    <w:bookmarkStart w:id="0" w:name="_Toc87522242"/>
    <w:p w14:paraId="0CCDFAA2" w14:textId="584A6802" w:rsidR="00087A17" w:rsidRDefault="00000000" w:rsidP="00087A17">
      <w:pPr>
        <w:pStyle w:val="ExecSumHead"/>
      </w:pPr>
      <w:sdt>
        <w:sdtPr>
          <w:alias w:val="ExecSum"/>
          <w:tag w:val="{&quot;templafy&quot;:{&quot;id&quot;:&quot;c643be24-cfda-4982-b112-d7d1d3fcca81&quot;}}"/>
          <w:id w:val="-1261671336"/>
          <w:placeholder>
            <w:docPart w:val="4B6BF6370351450498BF33AEA0D48896"/>
          </w:placeholder>
        </w:sdtPr>
        <w:sdtContent>
          <w:r w:rsidR="001D16A4">
            <w:t>Introduction</w:t>
          </w:r>
        </w:sdtContent>
      </w:sdt>
      <w:bookmarkEnd w:id="0"/>
    </w:p>
    <w:p w14:paraId="4CC72863" w14:textId="7FA6AA0F" w:rsidR="00FA1DB0" w:rsidRDefault="0048379D" w:rsidP="00EF4DBC">
      <w:pPr>
        <w:jc w:val="both"/>
      </w:pPr>
      <w:r>
        <w:t>A</w:t>
      </w:r>
      <w:r w:rsidR="00470F92">
        <w:t xml:space="preserve">sset </w:t>
      </w:r>
      <w:r>
        <w:t>i</w:t>
      </w:r>
      <w:r w:rsidR="00470F92">
        <w:t xml:space="preserve">nformation </w:t>
      </w:r>
      <w:r>
        <w:t>r</w:t>
      </w:r>
      <w:r w:rsidR="00470F92">
        <w:t xml:space="preserve">equirements (AIR) </w:t>
      </w:r>
      <w:r w:rsidR="00FA1DB0">
        <w:t xml:space="preserve">define the information required to operate and maintain an asset in line with </w:t>
      </w:r>
      <w:r w:rsidR="0088190F">
        <w:t xml:space="preserve">the </w:t>
      </w:r>
      <w:r>
        <w:t>o</w:t>
      </w:r>
      <w:r w:rsidR="009F18F0">
        <w:t>rgani</w:t>
      </w:r>
      <w:r>
        <w:t>s</w:t>
      </w:r>
      <w:r w:rsidR="009F18F0">
        <w:t>ation</w:t>
      </w:r>
      <w:r>
        <w:t>al</w:t>
      </w:r>
      <w:r w:rsidR="009F18F0">
        <w:t xml:space="preserve"> </w:t>
      </w:r>
      <w:r>
        <w:t>i</w:t>
      </w:r>
      <w:r w:rsidR="001C7FE8">
        <w:t xml:space="preserve">nformation </w:t>
      </w:r>
      <w:r>
        <w:t>r</w:t>
      </w:r>
      <w:r w:rsidR="001C7FE8">
        <w:t>equirements (OIR)</w:t>
      </w:r>
      <w:r w:rsidR="00FA1DB0">
        <w:t xml:space="preserve">.  </w:t>
      </w:r>
    </w:p>
    <w:p w14:paraId="3A101809" w14:textId="71589A19" w:rsidR="00312E41" w:rsidRDefault="00312E41" w:rsidP="00EF4DBC">
      <w:pPr>
        <w:jc w:val="both"/>
      </w:pPr>
      <w:r>
        <w:t xml:space="preserve">The purpose and context of the </w:t>
      </w:r>
      <w:r w:rsidR="0048379D">
        <w:t>a</w:t>
      </w:r>
      <w:r>
        <w:t>sset</w:t>
      </w:r>
      <w:r w:rsidR="0048379D">
        <w:t xml:space="preserve"> i</w:t>
      </w:r>
      <w:r>
        <w:t xml:space="preserve">nformation </w:t>
      </w:r>
      <w:r w:rsidR="0048379D">
        <w:t>r</w:t>
      </w:r>
      <w:r>
        <w:t xml:space="preserve">equirements (AIR) is to capture essential information at the </w:t>
      </w:r>
      <w:r w:rsidR="0048379D">
        <w:t>c</w:t>
      </w:r>
      <w:r>
        <w:t xml:space="preserve">apital </w:t>
      </w:r>
      <w:r w:rsidR="0048379D">
        <w:t>e</w:t>
      </w:r>
      <w:r>
        <w:t xml:space="preserve">xpenditure (CAPEX) phase of the project. </w:t>
      </w:r>
      <w:r w:rsidR="009E171A">
        <w:t xml:space="preserve">The information </w:t>
      </w:r>
      <w:r w:rsidR="00504916">
        <w:t>that is</w:t>
      </w:r>
      <w:r>
        <w:t xml:space="preserve"> </w:t>
      </w:r>
      <w:r w:rsidR="00F13FC6">
        <w:t>successful</w:t>
      </w:r>
      <w:r w:rsidR="0048379D">
        <w:t>ly</w:t>
      </w:r>
      <w:r w:rsidR="00F13FC6">
        <w:t xml:space="preserve"> </w:t>
      </w:r>
      <w:r w:rsidR="00AF3B8F">
        <w:t xml:space="preserve">documented in the AIR will provide </w:t>
      </w:r>
      <w:r w:rsidR="00AF1731">
        <w:t xml:space="preserve">the </w:t>
      </w:r>
      <w:r w:rsidR="00600319">
        <w:t>golden thread to operating, maintaining</w:t>
      </w:r>
      <w:r w:rsidR="00383607">
        <w:t>, repla</w:t>
      </w:r>
      <w:r w:rsidR="00E144CD">
        <w:t>cing</w:t>
      </w:r>
      <w:r w:rsidR="00AF1731">
        <w:t xml:space="preserve"> </w:t>
      </w:r>
      <w:r w:rsidR="009A3020">
        <w:t>and/</w:t>
      </w:r>
      <w:r w:rsidR="007A6FA2">
        <w:t>or the end of life (decommission of the asset</w:t>
      </w:r>
      <w:r w:rsidR="004A5608">
        <w:t xml:space="preserve"> facility</w:t>
      </w:r>
      <w:r w:rsidR="00F20114">
        <w:t>)</w:t>
      </w:r>
      <w:r w:rsidR="00BE7C10">
        <w:t xml:space="preserve">, </w:t>
      </w:r>
      <w:r w:rsidR="00C0183E">
        <w:t xml:space="preserve">the </w:t>
      </w:r>
      <w:r w:rsidR="0048379D">
        <w:t>o</w:t>
      </w:r>
      <w:r w:rsidR="00F85F8D">
        <w:t xml:space="preserve">peration </w:t>
      </w:r>
      <w:r w:rsidR="0048379D">
        <w:t>e</w:t>
      </w:r>
      <w:r w:rsidR="00F85F8D">
        <w:t>xpenditure (OPEX)</w:t>
      </w:r>
      <w:r w:rsidR="00F17463">
        <w:t>.</w:t>
      </w:r>
      <w:r w:rsidR="00F20114">
        <w:t xml:space="preserve"> </w:t>
      </w:r>
      <w:r w:rsidR="00C54FE3">
        <w:t xml:space="preserve"> </w:t>
      </w:r>
    </w:p>
    <w:p w14:paraId="42E0830B" w14:textId="77777777" w:rsidR="00312E41" w:rsidRPr="00312E41" w:rsidRDefault="00312E41" w:rsidP="00312E41">
      <w:pPr>
        <w:rPr>
          <w:lang w:val="en-US" w:eastAsia="en-GB"/>
        </w:rPr>
      </w:pPr>
    </w:p>
    <w:p w14:paraId="09FCB67F" w14:textId="18C4003D" w:rsidR="00B0249E" w:rsidRPr="00B0249E" w:rsidRDefault="00B0249E" w:rsidP="00B0249E">
      <w:pPr>
        <w:pStyle w:val="Heading1"/>
        <w:rPr>
          <w:lang w:eastAsia="en-GB"/>
        </w:rPr>
      </w:pPr>
      <w:bookmarkStart w:id="1" w:name="_Toc87522243"/>
      <w:r w:rsidRPr="00B0249E">
        <w:rPr>
          <w:lang w:eastAsia="en-GB"/>
        </w:rPr>
        <w:lastRenderedPageBreak/>
        <w:t>Ma</w:t>
      </w:r>
      <w:r w:rsidR="00C457B2">
        <w:rPr>
          <w:lang w:eastAsia="en-GB"/>
        </w:rPr>
        <w:t>intainable</w:t>
      </w:r>
      <w:r w:rsidRPr="00B0249E">
        <w:rPr>
          <w:lang w:eastAsia="en-GB"/>
        </w:rPr>
        <w:t xml:space="preserve"> asset</w:t>
      </w:r>
      <w:r w:rsidR="009022E9">
        <w:rPr>
          <w:lang w:eastAsia="en-GB"/>
        </w:rPr>
        <w:t>s</w:t>
      </w:r>
      <w:bookmarkEnd w:id="1"/>
      <w:r w:rsidRPr="00B0249E">
        <w:rPr>
          <w:lang w:eastAsia="en-GB"/>
        </w:rPr>
        <w:t xml:space="preserve"> </w:t>
      </w:r>
    </w:p>
    <w:p w14:paraId="3EF1CD06" w14:textId="66A286E7" w:rsidR="0051628B" w:rsidRPr="0051628B" w:rsidRDefault="00B83F54" w:rsidP="0051628B">
      <w:pPr>
        <w:pStyle w:val="Heading2"/>
        <w:rPr>
          <w:lang w:val="en-US" w:eastAsia="en-GB"/>
        </w:rPr>
      </w:pPr>
      <w:bookmarkStart w:id="2" w:name="_Toc87522244"/>
      <w:r>
        <w:rPr>
          <w:lang w:val="en-US" w:eastAsia="en-GB"/>
        </w:rPr>
        <w:t>S</w:t>
      </w:r>
      <w:r w:rsidR="00B0249E" w:rsidRPr="00B0249E">
        <w:rPr>
          <w:lang w:val="en-US" w:eastAsia="en-GB"/>
        </w:rPr>
        <w:t>chedule of maintainable assets</w:t>
      </w:r>
      <w:bookmarkEnd w:id="2"/>
      <w:r w:rsidR="00B0249E" w:rsidRPr="00B0249E">
        <w:rPr>
          <w:lang w:val="en-US" w:eastAsia="en-GB"/>
        </w:rPr>
        <w:t xml:space="preserve"> </w:t>
      </w:r>
    </w:p>
    <w:p w14:paraId="38B54C57" w14:textId="19FA969A" w:rsidR="002631F2" w:rsidRPr="00F01173" w:rsidRDefault="00216683" w:rsidP="00EF4DBC">
      <w:pPr>
        <w:keepLines/>
        <w:jc w:val="both"/>
        <w:rPr>
          <w:rFonts w:cstheme="minorHAnsi"/>
          <w:color w:val="000000" w:themeColor="text1"/>
          <w:lang w:val="en-AU"/>
        </w:rPr>
      </w:pPr>
      <w:r>
        <w:rPr>
          <w:lang w:val="en-US" w:eastAsia="en-GB"/>
        </w:rPr>
        <w:t>&lt;</w:t>
      </w:r>
      <w:r w:rsidR="002631F2" w:rsidRPr="002631F2">
        <w:rPr>
          <w:rFonts w:cstheme="minorHAnsi"/>
          <w:color w:val="000000" w:themeColor="text1"/>
          <w:lang w:val="en-AU"/>
        </w:rPr>
        <w:t xml:space="preserve"> </w:t>
      </w:r>
      <w:r w:rsidR="002631F2">
        <w:rPr>
          <w:rFonts w:cstheme="minorHAnsi"/>
          <w:color w:val="000000" w:themeColor="text1"/>
          <w:lang w:val="en-AU"/>
        </w:rPr>
        <w:t>Identify your organi</w:t>
      </w:r>
      <w:r w:rsidR="0048379D">
        <w:rPr>
          <w:rFonts w:cstheme="minorHAnsi"/>
          <w:color w:val="000000" w:themeColor="text1"/>
          <w:lang w:val="en-AU"/>
        </w:rPr>
        <w:t>s</w:t>
      </w:r>
      <w:r w:rsidR="002631F2">
        <w:rPr>
          <w:rFonts w:cstheme="minorHAnsi"/>
          <w:color w:val="000000" w:themeColor="text1"/>
          <w:lang w:val="en-AU"/>
        </w:rPr>
        <w:t>ation</w:t>
      </w:r>
      <w:r w:rsidR="0048379D">
        <w:rPr>
          <w:rFonts w:cstheme="minorHAnsi"/>
          <w:color w:val="000000" w:themeColor="text1"/>
          <w:lang w:val="en-AU"/>
        </w:rPr>
        <w:t>’</w:t>
      </w:r>
      <w:r w:rsidR="002631F2">
        <w:rPr>
          <w:rFonts w:cstheme="minorHAnsi"/>
          <w:color w:val="000000" w:themeColor="text1"/>
          <w:lang w:val="en-AU"/>
        </w:rPr>
        <w:t>s maintainable assets</w:t>
      </w:r>
      <w:r w:rsidR="00D40AA5">
        <w:rPr>
          <w:rFonts w:cstheme="minorHAnsi"/>
          <w:color w:val="000000" w:themeColor="text1"/>
          <w:lang w:val="en-AU"/>
        </w:rPr>
        <w:t>,</w:t>
      </w:r>
      <w:r w:rsidR="009639FC">
        <w:rPr>
          <w:rFonts w:cstheme="minorHAnsi"/>
          <w:color w:val="000000" w:themeColor="text1"/>
          <w:lang w:val="en-AU"/>
        </w:rPr>
        <w:t xml:space="preserve"> </w:t>
      </w:r>
      <w:r w:rsidR="00D40AA5">
        <w:rPr>
          <w:rFonts w:cstheme="minorHAnsi"/>
          <w:color w:val="000000" w:themeColor="text1"/>
          <w:lang w:val="en-AU"/>
        </w:rPr>
        <w:t xml:space="preserve">which </w:t>
      </w:r>
      <w:r w:rsidR="009639FC">
        <w:rPr>
          <w:rFonts w:cstheme="minorHAnsi"/>
          <w:color w:val="000000" w:themeColor="text1"/>
          <w:lang w:val="en-AU"/>
        </w:rPr>
        <w:t xml:space="preserve">are the assets that the </w:t>
      </w:r>
      <w:r w:rsidR="00D40AA5">
        <w:rPr>
          <w:rFonts w:cstheme="minorHAnsi"/>
          <w:color w:val="000000" w:themeColor="text1"/>
          <w:lang w:val="en-AU"/>
        </w:rPr>
        <w:t xml:space="preserve">following </w:t>
      </w:r>
      <w:r w:rsidR="009639FC">
        <w:rPr>
          <w:rFonts w:cstheme="minorHAnsi"/>
          <w:color w:val="000000" w:themeColor="text1"/>
          <w:lang w:val="en-AU"/>
        </w:rPr>
        <w:t>information requirements relate to.</w:t>
      </w:r>
      <w:r w:rsidR="00BF699C">
        <w:rPr>
          <w:rFonts w:cstheme="minorHAnsi"/>
          <w:color w:val="000000" w:themeColor="text1"/>
          <w:lang w:val="en-AU"/>
        </w:rPr>
        <w:t>&gt;</w:t>
      </w:r>
    </w:p>
    <w:p w14:paraId="69C29C3C" w14:textId="2E6BA250" w:rsidR="00216683" w:rsidRPr="00216683" w:rsidRDefault="00216683" w:rsidP="00216683">
      <w:pPr>
        <w:rPr>
          <w:lang w:val="en-US" w:eastAsia="en-GB"/>
        </w:rPr>
      </w:pPr>
    </w:p>
    <w:p w14:paraId="5D53436F" w14:textId="2A15B4DF" w:rsidR="00B0249E" w:rsidRPr="00B0249E" w:rsidRDefault="00B0249E" w:rsidP="000F45D9">
      <w:pPr>
        <w:pStyle w:val="Heading1"/>
        <w:rPr>
          <w:lang w:eastAsia="en-GB"/>
        </w:rPr>
      </w:pPr>
      <w:bookmarkStart w:id="3" w:name="_Toc87522245"/>
      <w:r w:rsidRPr="00B0249E">
        <w:rPr>
          <w:lang w:eastAsia="en-GB"/>
        </w:rPr>
        <w:lastRenderedPageBreak/>
        <w:t>Information requirement</w:t>
      </w:r>
      <w:r w:rsidR="009F03F3">
        <w:rPr>
          <w:lang w:eastAsia="en-GB"/>
        </w:rPr>
        <w:t>s</w:t>
      </w:r>
      <w:bookmarkEnd w:id="3"/>
      <w:r w:rsidRPr="00B0249E">
        <w:rPr>
          <w:lang w:eastAsia="en-GB"/>
        </w:rPr>
        <w:t xml:space="preserve"> </w:t>
      </w:r>
    </w:p>
    <w:p w14:paraId="410F969A" w14:textId="1394C5D7" w:rsidR="00D3574A" w:rsidRDefault="00D3574A" w:rsidP="00EF4DBC">
      <w:pPr>
        <w:jc w:val="both"/>
        <w:rPr>
          <w:rFonts w:cstheme="minorHAnsi"/>
          <w:color w:val="000000" w:themeColor="text1"/>
        </w:rPr>
      </w:pPr>
      <w:bookmarkStart w:id="4" w:name="_Ref48145448"/>
      <w:r>
        <w:rPr>
          <w:rFonts w:cstheme="minorHAnsi"/>
          <w:color w:val="000000" w:themeColor="text1"/>
        </w:rPr>
        <w:t>&lt;</w:t>
      </w:r>
      <w:r w:rsidRPr="000B27AA">
        <w:rPr>
          <w:rFonts w:cstheme="minorHAnsi"/>
          <w:color w:val="000000" w:themeColor="text1"/>
        </w:rPr>
        <w:t xml:space="preserve">Use this section to define the information requirements </w:t>
      </w:r>
      <w:r w:rsidR="00D40AA5">
        <w:rPr>
          <w:rFonts w:cstheme="minorHAnsi"/>
          <w:color w:val="000000" w:themeColor="text1"/>
        </w:rPr>
        <w:t xml:space="preserve">that are </w:t>
      </w:r>
      <w:r w:rsidRPr="000B27AA">
        <w:rPr>
          <w:rFonts w:cstheme="minorHAnsi"/>
          <w:color w:val="000000" w:themeColor="text1"/>
        </w:rPr>
        <w:t xml:space="preserve">specific to the </w:t>
      </w:r>
      <w:r>
        <w:rPr>
          <w:rFonts w:cstheme="minorHAnsi"/>
          <w:color w:val="000000" w:themeColor="text1"/>
        </w:rPr>
        <w:t>operation of the asset.&gt;</w:t>
      </w:r>
    </w:p>
    <w:p w14:paraId="628E1AC6" w14:textId="77777777" w:rsidR="00D3574A" w:rsidRDefault="00D3574A" w:rsidP="00EF4DBC">
      <w:pPr>
        <w:jc w:val="both"/>
        <w:rPr>
          <w:lang w:val="en-US" w:eastAsia="en-GB"/>
        </w:rPr>
      </w:pPr>
    </w:p>
    <w:p w14:paraId="12F8C897" w14:textId="30C2ED1F" w:rsidR="00213256" w:rsidRPr="00FE0243" w:rsidRDefault="00213256" w:rsidP="00EF4DBC">
      <w:pPr>
        <w:pStyle w:val="Heading2"/>
        <w:jc w:val="both"/>
        <w:rPr>
          <w:lang w:val="en-US" w:eastAsia="en-GB"/>
        </w:rPr>
      </w:pPr>
      <w:bookmarkStart w:id="5" w:name="_Toc87522246"/>
      <w:r w:rsidRPr="00B0249E">
        <w:rPr>
          <w:lang w:val="en-US" w:eastAsia="en-GB"/>
        </w:rPr>
        <w:t>Data structure</w:t>
      </w:r>
      <w:bookmarkEnd w:id="4"/>
      <w:bookmarkEnd w:id="5"/>
      <w:r w:rsidRPr="00B0249E">
        <w:rPr>
          <w:lang w:val="en-US" w:eastAsia="en-GB"/>
        </w:rPr>
        <w:t xml:space="preserve"> </w:t>
      </w:r>
    </w:p>
    <w:p w14:paraId="6D33FDE7" w14:textId="4746F21D" w:rsidR="00213256" w:rsidRDefault="00213256" w:rsidP="00EF4DBC">
      <w:pPr>
        <w:jc w:val="both"/>
        <w:rPr>
          <w:lang w:val="en-US" w:eastAsia="en-GB"/>
        </w:rPr>
      </w:pPr>
      <w:r>
        <w:rPr>
          <w:lang w:val="en-US" w:eastAsia="en-GB"/>
        </w:rPr>
        <w:t xml:space="preserve">&lt;Provide a description of how the </w:t>
      </w:r>
      <w:r w:rsidR="006157B3">
        <w:rPr>
          <w:lang w:val="en-US" w:eastAsia="en-GB"/>
        </w:rPr>
        <w:t>information</w:t>
      </w:r>
      <w:r>
        <w:rPr>
          <w:lang w:val="en-US" w:eastAsia="en-GB"/>
        </w:rPr>
        <w:t xml:space="preserve"> should be structure</w:t>
      </w:r>
      <w:r w:rsidR="006157B3">
        <w:rPr>
          <w:lang w:val="en-US" w:eastAsia="en-GB"/>
        </w:rPr>
        <w:t>d</w:t>
      </w:r>
      <w:r>
        <w:rPr>
          <w:lang w:val="en-US" w:eastAsia="en-GB"/>
        </w:rPr>
        <w:t xml:space="preserve"> to maximi</w:t>
      </w:r>
      <w:r w:rsidR="0048379D">
        <w:rPr>
          <w:lang w:val="en-US" w:eastAsia="en-GB"/>
        </w:rPr>
        <w:t>s</w:t>
      </w:r>
      <w:r>
        <w:rPr>
          <w:lang w:val="en-US" w:eastAsia="en-GB"/>
        </w:rPr>
        <w:t>e the benefit for the management of the asset.</w:t>
      </w:r>
      <w:r w:rsidR="006157B3">
        <w:rPr>
          <w:lang w:val="en-US" w:eastAsia="en-GB"/>
        </w:rPr>
        <w:t>&gt;</w:t>
      </w:r>
    </w:p>
    <w:p w14:paraId="0B781E69" w14:textId="77777777" w:rsidR="006157B3" w:rsidRPr="009C0B57" w:rsidRDefault="006157B3" w:rsidP="00EF4DBC">
      <w:pPr>
        <w:jc w:val="both"/>
        <w:rPr>
          <w:lang w:val="en-US" w:eastAsia="en-GB"/>
        </w:rPr>
      </w:pPr>
    </w:p>
    <w:p w14:paraId="0C1FA932" w14:textId="613BB688" w:rsidR="00340613" w:rsidRDefault="00186D3C" w:rsidP="00EF4DBC">
      <w:pPr>
        <w:pStyle w:val="Heading2"/>
        <w:jc w:val="both"/>
        <w:rPr>
          <w:lang w:val="en-US" w:eastAsia="en-GB"/>
        </w:rPr>
      </w:pPr>
      <w:bookmarkStart w:id="6" w:name="_Toc49502976"/>
      <w:bookmarkStart w:id="7" w:name="_Toc49507637"/>
      <w:bookmarkStart w:id="8" w:name="_Toc49507729"/>
      <w:bookmarkStart w:id="9" w:name="_Toc49526139"/>
      <w:bookmarkStart w:id="10" w:name="_Toc49526560"/>
      <w:bookmarkStart w:id="11" w:name="_Toc49526665"/>
      <w:bookmarkStart w:id="12" w:name="_Toc49244691"/>
      <w:bookmarkStart w:id="13" w:name="_Toc49473516"/>
      <w:bookmarkStart w:id="14" w:name="_Toc49502977"/>
      <w:bookmarkStart w:id="15" w:name="_Toc49507638"/>
      <w:bookmarkStart w:id="16" w:name="_Toc49507730"/>
      <w:bookmarkStart w:id="17" w:name="_Toc49526140"/>
      <w:bookmarkStart w:id="18" w:name="_Toc49526561"/>
      <w:bookmarkStart w:id="19" w:name="_Toc49526666"/>
      <w:bookmarkStart w:id="20" w:name="_Toc49502978"/>
      <w:bookmarkStart w:id="21" w:name="_Toc49507639"/>
      <w:bookmarkStart w:id="22" w:name="_Toc49507731"/>
      <w:bookmarkStart w:id="23" w:name="_Toc49526141"/>
      <w:bookmarkStart w:id="24" w:name="_Toc49526562"/>
      <w:bookmarkStart w:id="25" w:name="_Toc49526667"/>
      <w:bookmarkStart w:id="26" w:name="_Toc49502979"/>
      <w:bookmarkStart w:id="27" w:name="_Toc49507640"/>
      <w:bookmarkStart w:id="28" w:name="_Toc49507732"/>
      <w:bookmarkStart w:id="29" w:name="_Toc49526142"/>
      <w:bookmarkStart w:id="30" w:name="_Toc49526563"/>
      <w:bookmarkStart w:id="31" w:name="_Toc49526668"/>
      <w:bookmarkStart w:id="32" w:name="_Toc87522247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  <w:bookmarkEnd w:id="30"/>
      <w:bookmarkEnd w:id="31"/>
      <w:r>
        <w:rPr>
          <w:lang w:val="en-US" w:eastAsia="en-GB"/>
        </w:rPr>
        <w:t xml:space="preserve">A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r</w:t>
      </w:r>
      <w:r>
        <w:rPr>
          <w:lang w:val="en-US" w:eastAsia="en-GB"/>
        </w:rPr>
        <w:t>equirements (AIR)</w:t>
      </w:r>
      <w:bookmarkEnd w:id="32"/>
    </w:p>
    <w:p w14:paraId="5EECB3AB" w14:textId="5EB037F2" w:rsidR="00967137" w:rsidRDefault="00967137" w:rsidP="00EF4DBC">
      <w:pPr>
        <w:jc w:val="both"/>
        <w:rPr>
          <w:lang w:val="en-US" w:eastAsia="en-GB"/>
        </w:rPr>
      </w:pPr>
      <w:bookmarkStart w:id="33" w:name="_Hlk48828758"/>
      <w:r>
        <w:rPr>
          <w:lang w:val="en-US" w:eastAsia="en-GB"/>
        </w:rPr>
        <w:t>&lt;</w:t>
      </w:r>
      <w:r w:rsidR="002C612C" w:rsidRPr="002C612C">
        <w:t xml:space="preserve"> </w:t>
      </w:r>
      <w:r w:rsidR="002C612C" w:rsidRPr="002C612C">
        <w:rPr>
          <w:lang w:val="en-US" w:eastAsia="en-GB"/>
        </w:rPr>
        <w:t xml:space="preserve">Define the information required to support </w:t>
      </w:r>
      <w:r w:rsidR="00FC2DA3">
        <w:rPr>
          <w:lang w:val="en-US" w:eastAsia="en-GB"/>
        </w:rPr>
        <w:t>each</w:t>
      </w:r>
      <w:r w:rsidR="002C612C" w:rsidRPr="002C612C">
        <w:rPr>
          <w:lang w:val="en-US" w:eastAsia="en-GB"/>
        </w:rPr>
        <w:t xml:space="preserve"> asset operation </w:t>
      </w:r>
      <w:r w:rsidR="00AA367E" w:rsidRPr="002C612C">
        <w:rPr>
          <w:lang w:val="en-US" w:eastAsia="en-GB"/>
        </w:rPr>
        <w:t>activity.</w:t>
      </w:r>
      <w:r>
        <w:rPr>
          <w:lang w:val="en-US" w:eastAsia="en-GB"/>
        </w:rPr>
        <w:t>&gt;</w:t>
      </w:r>
    </w:p>
    <w:p w14:paraId="130B38EE" w14:textId="77777777" w:rsidR="0034524B" w:rsidRDefault="0034524B">
      <w:pPr>
        <w:spacing w:before="0" w:line="259" w:lineRule="auto"/>
        <w:rPr>
          <w:lang w:val="en-US" w:eastAsia="en-GB"/>
        </w:rPr>
        <w:sectPr w:rsidR="0034524B" w:rsidSect="002D1D76">
          <w:headerReference w:type="default" r:id="rId19"/>
          <w:footerReference w:type="default" r:id="rId20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r>
        <w:rPr>
          <w:lang w:val="en-US" w:eastAsia="en-GB"/>
        </w:rPr>
        <w:br w:type="page"/>
      </w:r>
    </w:p>
    <w:p w14:paraId="5E4ED483" w14:textId="306AC68E" w:rsidR="00FE0243" w:rsidRDefault="00B0249E" w:rsidP="00340613">
      <w:pPr>
        <w:pStyle w:val="Heading3"/>
        <w:rPr>
          <w:lang w:val="en-US" w:eastAsia="en-GB"/>
        </w:rPr>
      </w:pPr>
      <w:bookmarkStart w:id="34" w:name="_Toc49502981"/>
      <w:bookmarkStart w:id="35" w:name="_Toc49507642"/>
      <w:bookmarkStart w:id="36" w:name="_Toc49507734"/>
      <w:bookmarkStart w:id="37" w:name="_Toc49526144"/>
      <w:bookmarkStart w:id="38" w:name="_Toc49526565"/>
      <w:bookmarkStart w:id="39" w:name="_Toc49526670"/>
      <w:bookmarkStart w:id="40" w:name="_Toc87522248"/>
      <w:bookmarkEnd w:id="33"/>
      <w:bookmarkEnd w:id="34"/>
      <w:bookmarkEnd w:id="35"/>
      <w:bookmarkEnd w:id="36"/>
      <w:bookmarkEnd w:id="37"/>
      <w:bookmarkEnd w:id="38"/>
      <w:bookmarkEnd w:id="39"/>
      <w:r w:rsidRPr="00B0249E">
        <w:rPr>
          <w:lang w:val="en-US" w:eastAsia="en-GB"/>
        </w:rPr>
        <w:lastRenderedPageBreak/>
        <w:t>Maintenance</w:t>
      </w:r>
      <w:bookmarkEnd w:id="40"/>
      <w:r w:rsidRPr="00B0249E">
        <w:rPr>
          <w:lang w:val="en-US" w:eastAsia="en-GB"/>
        </w:rPr>
        <w:t xml:space="preserve"> </w:t>
      </w:r>
    </w:p>
    <w:p w14:paraId="6F7EE58B" w14:textId="4E8BCFA0" w:rsidR="00B07F8A" w:rsidRDefault="00B07F8A" w:rsidP="00355583">
      <w:pPr>
        <w:keepLines/>
        <w:jc w:val="both"/>
        <w:rPr>
          <w:rFonts w:cstheme="minorHAnsi"/>
          <w:color w:val="000000" w:themeColor="text1"/>
          <w:lang w:val="en-AU"/>
        </w:rPr>
      </w:pPr>
      <w:r>
        <w:rPr>
          <w:lang w:val="en-US" w:eastAsia="en-GB"/>
        </w:rPr>
        <w:t>&lt;</w:t>
      </w:r>
      <w:r w:rsidR="00B7510B">
        <w:rPr>
          <w:lang w:val="en-US" w:eastAsia="en-GB"/>
        </w:rPr>
        <w:t>Specify</w:t>
      </w:r>
      <w:r w:rsidR="00F212C6">
        <w:rPr>
          <w:rFonts w:cstheme="minorHAnsi"/>
          <w:color w:val="000000" w:themeColor="text1"/>
          <w:lang w:val="en-AU"/>
        </w:rPr>
        <w:t xml:space="preserve"> what information is required to assist with both proactive and reactive maintenance</w:t>
      </w:r>
      <w:r w:rsidR="00D40AA5">
        <w:rPr>
          <w:rFonts w:cstheme="minorHAnsi"/>
          <w:color w:val="000000" w:themeColor="text1"/>
          <w:lang w:val="en-AU"/>
        </w:rPr>
        <w:t>.</w:t>
      </w:r>
      <w:r w:rsidR="00993EEF">
        <w:rPr>
          <w:rFonts w:cstheme="minorHAnsi"/>
          <w:color w:val="000000" w:themeColor="text1"/>
          <w:lang w:val="en-AU"/>
        </w:rPr>
        <w:t>&gt;</w:t>
      </w:r>
    </w:p>
    <w:p w14:paraId="4B188624" w14:textId="772A6A10" w:rsidR="0022000F" w:rsidRDefault="005E26D4" w:rsidP="003556D8">
      <w:pPr>
        <w:pStyle w:val="Caption"/>
        <w:rPr>
          <w:lang w:val="en-US" w:eastAsia="en-GB"/>
        </w:rPr>
      </w:pPr>
      <w:fldSimple w:instr=" DOCPROPERTY  OfficeExtensionsTranslationTable  \ ">
        <w:bookmarkStart w:id="41" w:name="_Toc87522410"/>
        <w:r w:rsidR="00ED0E15">
          <w:t>Table</w:t>
        </w:r>
      </w:fldSimple>
      <w:r w:rsidR="005E6C54">
        <w:t xml:space="preserve"> </w:t>
      </w:r>
      <w:fldSimple w:instr=" STYLEREF  1 \s ">
        <w:r w:rsidR="00ED0E15">
          <w:rPr>
            <w:noProof/>
          </w:rPr>
          <w:t>2</w:t>
        </w:r>
      </w:fldSimple>
      <w:r w:rsidR="005E6C54">
        <w:t>.</w:t>
      </w:r>
      <w:r w:rsidR="005E6C54">
        <w:fldChar w:fldCharType="begin"/>
      </w:r>
      <w:r w:rsidR="005E6C54">
        <w:instrText xml:space="preserve"> SEQ Table \s 1</w:instrText>
      </w:r>
      <w:r w:rsidR="005E6C54">
        <w:fldChar w:fldCharType="separate"/>
      </w:r>
      <w:r w:rsidR="00ED0E15">
        <w:rPr>
          <w:noProof/>
        </w:rPr>
        <w:t>1</w:t>
      </w:r>
      <w:r w:rsidR="005E6C54">
        <w:fldChar w:fldCharType="end"/>
      </w:r>
      <w:r w:rsidR="005E6C54">
        <w:t xml:space="preserve">: </w:t>
      </w:r>
      <w:r w:rsidR="0022000F">
        <w:t>Maintenance information requirements</w:t>
      </w:r>
      <w:bookmarkEnd w:id="41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3556D8" w:rsidRPr="0005762D" w14:paraId="5A8ACC67" w14:textId="77777777" w:rsidTr="003556D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0" w:type="dxa"/>
            <w:vAlign w:val="center"/>
          </w:tcPr>
          <w:p w14:paraId="7BE6B88C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bookmarkStart w:id="42" w:name="_Hlk48214911"/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0" w:type="dxa"/>
            <w:vAlign w:val="center"/>
          </w:tcPr>
          <w:p w14:paraId="5D42D4C9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0" w:type="dxa"/>
            <w:vAlign w:val="center"/>
          </w:tcPr>
          <w:p w14:paraId="67E9FBA8" w14:textId="5F7BF408" w:rsidR="009C09CF" w:rsidRPr="005A67F3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Information </w:t>
            </w:r>
            <w:r w:rsidR="00703CE0">
              <w:rPr>
                <w:rFonts w:asciiTheme="minorHAnsi" w:hAnsiTheme="minorHAnsi" w:cstheme="minorHAnsi"/>
                <w:b/>
                <w:sz w:val="18"/>
                <w:szCs w:val="18"/>
              </w:rPr>
              <w:t>requirements</w:t>
            </w:r>
          </w:p>
        </w:tc>
        <w:tc>
          <w:tcPr>
            <w:tcW w:w="0" w:type="dxa"/>
            <w:vAlign w:val="center"/>
          </w:tcPr>
          <w:p w14:paraId="166857AA" w14:textId="1178E7E6" w:rsidR="009C09CF" w:rsidRPr="005A67F3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Information </w:t>
            </w:r>
            <w:r w:rsidR="00703CE0">
              <w:rPr>
                <w:rFonts w:asciiTheme="minorHAnsi" w:hAnsiTheme="minorHAnsi" w:cstheme="minorHAnsi"/>
                <w:b/>
                <w:sz w:val="18"/>
                <w:szCs w:val="18"/>
              </w:rPr>
              <w:t>container</w:t>
            </w:r>
          </w:p>
        </w:tc>
        <w:tc>
          <w:tcPr>
            <w:tcW w:w="0" w:type="dxa"/>
            <w:vAlign w:val="center"/>
          </w:tcPr>
          <w:p w14:paraId="3BF7E35C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FDA08A7" w14:textId="77777777" w:rsidR="009C09CF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9178D1" w:rsidRPr="0005762D" w14:paraId="62BE17E7" w14:textId="77777777" w:rsidTr="003556D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0" w:type="dxa"/>
            <w:vAlign w:val="center"/>
          </w:tcPr>
          <w:p w14:paraId="19D06E2D" w14:textId="13819F7A" w:rsidR="009C09CF" w:rsidRPr="00355583" w:rsidRDefault="005E6C54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</w:t>
            </w:r>
            <w:r w:rsidR="00703CE0"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 operation activity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2835" w:type="dxa"/>
            <w:vAlign w:val="center"/>
          </w:tcPr>
          <w:p w14:paraId="3C3A0E05" w14:textId="617C7849" w:rsidR="009C09CF" w:rsidRPr="00355583" w:rsidRDefault="00703CE0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44A55E49" w14:textId="0446A2A7" w:rsidR="009C09CF" w:rsidRPr="00355583" w:rsidRDefault="00703CE0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18C9CD2A" w14:textId="7F1F6427" w:rsidR="009C09CF" w:rsidRPr="00355583" w:rsidRDefault="00290792" w:rsidP="003556D8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10D092DC" w14:textId="725231FD" w:rsidR="009C09CF" w:rsidRPr="00355583" w:rsidRDefault="00290792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&lt;Insert </w:t>
            </w:r>
            <w:r w:rsidR="009178D1" w:rsidRPr="00355583">
              <w:rPr>
                <w:rFonts w:cstheme="minorHAnsi"/>
                <w:color w:val="216B99" w:themeColor="accent4"/>
                <w:sz w:val="18"/>
                <w:szCs w:val="18"/>
              </w:rPr>
              <w:t>exceptions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0" w:type="auto"/>
            <w:vAlign w:val="center"/>
          </w:tcPr>
          <w:p w14:paraId="2C9ECA27" w14:textId="5654A0A2" w:rsidR="009C09CF" w:rsidRPr="00355583" w:rsidRDefault="00290792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</w:t>
            </w:r>
            <w:r w:rsidR="009178D1"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 acceptance criteria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</w:tr>
      <w:tr w:rsidR="00055C17" w:rsidRPr="0005762D" w14:paraId="794D4BE1" w14:textId="77777777" w:rsidTr="009178D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31A7DBAD" w14:textId="54F80696" w:rsidR="009C09CF" w:rsidRPr="003556D8" w:rsidRDefault="009C09CF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417B3185" w14:textId="77777777" w:rsidR="009C09CF" w:rsidRPr="003556D8" w:rsidRDefault="009C09CF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26171C26" w14:textId="77777777" w:rsidR="009C09CF" w:rsidRPr="00290792" w:rsidRDefault="009C09CF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3451A254" w14:textId="77777777" w:rsidR="009C09CF" w:rsidRPr="00290792" w:rsidRDefault="009C09CF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3ACD45DC" w14:textId="79E552BF" w:rsidR="009C09CF" w:rsidRPr="00290792" w:rsidRDefault="009C09CF" w:rsidP="006407B1"/>
        </w:tc>
        <w:tc>
          <w:tcPr>
            <w:tcW w:w="0" w:type="auto"/>
            <w:shd w:val="clear" w:color="auto" w:fill="auto"/>
            <w:vAlign w:val="center"/>
          </w:tcPr>
          <w:p w14:paraId="6FFDDE7D" w14:textId="49DB374D" w:rsidR="009C09CF" w:rsidRPr="003556D8" w:rsidRDefault="009C09CF" w:rsidP="006407B1">
            <w:pPr>
              <w:pStyle w:val="NoSpacing"/>
              <w:rPr>
                <w:rFonts w:cstheme="minorHAnsi"/>
              </w:rPr>
            </w:pPr>
          </w:p>
        </w:tc>
      </w:tr>
      <w:bookmarkEnd w:id="42"/>
    </w:tbl>
    <w:p w14:paraId="7EA5B441" w14:textId="77777777" w:rsidR="00252062" w:rsidRDefault="00252062" w:rsidP="00F212C6">
      <w:pPr>
        <w:keepLines/>
        <w:rPr>
          <w:lang w:val="en-US" w:eastAsia="en-GB"/>
        </w:rPr>
      </w:pPr>
    </w:p>
    <w:p w14:paraId="4E483BDF" w14:textId="0483C717" w:rsidR="00055C17" w:rsidRDefault="00055C17" w:rsidP="00F212C6">
      <w:pPr>
        <w:keepLines/>
        <w:rPr>
          <w:lang w:val="en-US" w:eastAsia="en-GB"/>
        </w:rPr>
      </w:pPr>
      <w:r>
        <w:rPr>
          <w:lang w:val="en-US" w:eastAsia="en-GB"/>
        </w:rPr>
        <w:br w:type="page"/>
      </w:r>
    </w:p>
    <w:p w14:paraId="113B819B" w14:textId="141402F3" w:rsidR="00FE0243" w:rsidRDefault="00CE170D" w:rsidP="00967137">
      <w:pPr>
        <w:pStyle w:val="Heading3"/>
        <w:rPr>
          <w:lang w:val="en-US" w:eastAsia="en-GB"/>
        </w:rPr>
      </w:pPr>
      <w:bookmarkStart w:id="43" w:name="_Toc49502983"/>
      <w:bookmarkStart w:id="44" w:name="_Toc49507644"/>
      <w:bookmarkStart w:id="45" w:name="_Toc49507736"/>
      <w:bookmarkStart w:id="46" w:name="_Toc49526146"/>
      <w:bookmarkStart w:id="47" w:name="_Toc49526567"/>
      <w:bookmarkStart w:id="48" w:name="_Toc49526672"/>
      <w:bookmarkStart w:id="49" w:name="_Toc49502984"/>
      <w:bookmarkStart w:id="50" w:name="_Toc49507645"/>
      <w:bookmarkStart w:id="51" w:name="_Toc49507737"/>
      <w:bookmarkStart w:id="52" w:name="_Toc49526147"/>
      <w:bookmarkStart w:id="53" w:name="_Toc49526568"/>
      <w:bookmarkStart w:id="54" w:name="_Toc49526673"/>
      <w:bookmarkStart w:id="55" w:name="_Toc49502985"/>
      <w:bookmarkStart w:id="56" w:name="_Toc49507646"/>
      <w:bookmarkStart w:id="57" w:name="_Toc49507738"/>
      <w:bookmarkStart w:id="58" w:name="_Toc49526148"/>
      <w:bookmarkStart w:id="59" w:name="_Toc49526569"/>
      <w:bookmarkStart w:id="60" w:name="_Toc49526674"/>
      <w:bookmarkStart w:id="61" w:name="_Toc87522249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r>
        <w:rPr>
          <w:lang w:val="en-US" w:eastAsia="en-GB"/>
        </w:rPr>
        <w:lastRenderedPageBreak/>
        <w:t>Sustainability</w:t>
      </w:r>
      <w:bookmarkEnd w:id="61"/>
    </w:p>
    <w:p w14:paraId="450F37AF" w14:textId="07A34C15" w:rsidR="00B07F8A" w:rsidRDefault="00B07F8A" w:rsidP="00257FA0">
      <w:pPr>
        <w:keepLines/>
        <w:rPr>
          <w:lang w:val="en-US" w:eastAsia="en-GB"/>
        </w:rPr>
      </w:pPr>
      <w:r>
        <w:rPr>
          <w:lang w:val="en-US" w:eastAsia="en-GB"/>
        </w:rPr>
        <w:t>&lt;</w:t>
      </w:r>
      <w:r w:rsidR="00257FA0">
        <w:rPr>
          <w:rFonts w:cstheme="minorHAnsi"/>
          <w:color w:val="000000" w:themeColor="text1"/>
        </w:rPr>
        <w:t xml:space="preserve">Specify the information </w:t>
      </w:r>
      <w:r w:rsidR="00D40AA5">
        <w:rPr>
          <w:rFonts w:cstheme="minorHAnsi"/>
          <w:color w:val="000000" w:themeColor="text1"/>
        </w:rPr>
        <w:t xml:space="preserve">that is </w:t>
      </w:r>
      <w:r w:rsidR="00257FA0">
        <w:rPr>
          <w:rFonts w:cstheme="minorHAnsi"/>
          <w:color w:val="000000" w:themeColor="text1"/>
        </w:rPr>
        <w:t>required for the organi</w:t>
      </w:r>
      <w:r w:rsidR="0048379D">
        <w:rPr>
          <w:rFonts w:cstheme="minorHAnsi"/>
          <w:color w:val="000000" w:themeColor="text1"/>
        </w:rPr>
        <w:t>s</w:t>
      </w:r>
      <w:r w:rsidR="00257FA0">
        <w:rPr>
          <w:rFonts w:cstheme="minorHAnsi"/>
          <w:color w:val="000000" w:themeColor="text1"/>
        </w:rPr>
        <w:t>ational sustainability objectives.</w:t>
      </w:r>
      <w:r>
        <w:rPr>
          <w:lang w:val="en-US" w:eastAsia="en-GB"/>
        </w:rPr>
        <w:t>&gt;</w:t>
      </w:r>
    </w:p>
    <w:p w14:paraId="4E16D353" w14:textId="658E5AAE" w:rsidR="00A754F3" w:rsidRDefault="005E26D4" w:rsidP="003556D8">
      <w:pPr>
        <w:pStyle w:val="Caption"/>
        <w:rPr>
          <w:lang w:val="en-US" w:eastAsia="en-GB"/>
        </w:rPr>
      </w:pPr>
      <w:fldSimple w:instr=" DOCPROPERTY  OfficeExtensionsTranslationTable  \ ">
        <w:bookmarkStart w:id="62" w:name="_Toc87522411"/>
        <w:r w:rsidR="00A754F3">
          <w:t>Table</w:t>
        </w:r>
      </w:fldSimple>
      <w:r w:rsidR="00A754F3">
        <w:t xml:space="preserve"> </w:t>
      </w:r>
      <w:fldSimple w:instr=" STYLEREF  1 \s ">
        <w:r w:rsidR="00A754F3">
          <w:rPr>
            <w:noProof/>
          </w:rPr>
          <w:t>2</w:t>
        </w:r>
      </w:fldSimple>
      <w:r w:rsidR="00A754F3">
        <w:t>.</w:t>
      </w:r>
      <w:r w:rsidR="00A754F3">
        <w:fldChar w:fldCharType="begin"/>
      </w:r>
      <w:r w:rsidR="00A754F3">
        <w:instrText xml:space="preserve"> SEQ Table \s 1</w:instrText>
      </w:r>
      <w:r w:rsidR="00A754F3">
        <w:fldChar w:fldCharType="separate"/>
      </w:r>
      <w:r w:rsidR="00A754F3">
        <w:rPr>
          <w:noProof/>
        </w:rPr>
        <w:t>2</w:t>
      </w:r>
      <w:r w:rsidR="00A754F3">
        <w:fldChar w:fldCharType="end"/>
      </w:r>
      <w:r w:rsidR="00A754F3">
        <w:t>: Sustainability information requirements</w:t>
      </w:r>
      <w:bookmarkEnd w:id="62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A754F3" w:rsidRPr="0005762D" w14:paraId="4CD167E4" w14:textId="77777777" w:rsidTr="006407B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1560" w:type="dxa"/>
            <w:vAlign w:val="center"/>
          </w:tcPr>
          <w:p w14:paraId="33EFF2A5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2835" w:type="dxa"/>
            <w:vAlign w:val="center"/>
          </w:tcPr>
          <w:p w14:paraId="173C692E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2693" w:type="dxa"/>
            <w:vAlign w:val="center"/>
          </w:tcPr>
          <w:p w14:paraId="039BB6E6" w14:textId="77777777" w:rsidR="00A754F3" w:rsidRPr="005A67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requirements</w:t>
            </w:r>
          </w:p>
        </w:tc>
        <w:tc>
          <w:tcPr>
            <w:tcW w:w="2551" w:type="dxa"/>
            <w:vAlign w:val="center"/>
          </w:tcPr>
          <w:p w14:paraId="07C436FA" w14:textId="77777777" w:rsidR="00A754F3" w:rsidRPr="005A67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container</w:t>
            </w:r>
          </w:p>
        </w:tc>
        <w:tc>
          <w:tcPr>
            <w:tcW w:w="2102" w:type="dxa"/>
            <w:vAlign w:val="center"/>
          </w:tcPr>
          <w:p w14:paraId="0D7DC8C0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D8B1C82" w14:textId="77777777" w:rsidR="00A754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A754F3" w:rsidRPr="0005762D" w14:paraId="0AE10CA4" w14:textId="77777777" w:rsidTr="006407B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1560" w:type="dxa"/>
            <w:vAlign w:val="center"/>
          </w:tcPr>
          <w:p w14:paraId="188B664E" w14:textId="77777777" w:rsidR="00A754F3" w:rsidRPr="00355583" w:rsidRDefault="00A754F3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operation activity&gt;</w:t>
            </w:r>
          </w:p>
        </w:tc>
        <w:tc>
          <w:tcPr>
            <w:tcW w:w="2835" w:type="dxa"/>
            <w:vAlign w:val="center"/>
          </w:tcPr>
          <w:p w14:paraId="36E074F6" w14:textId="1A1A65E1" w:rsidR="00A754F3" w:rsidRPr="00355583" w:rsidRDefault="00A754F3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5BF3C4CD" w14:textId="77777777" w:rsidR="00A754F3" w:rsidRPr="00355583" w:rsidRDefault="00A754F3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31D1D898" w14:textId="01C3364B" w:rsidR="00A754F3" w:rsidRPr="00355583" w:rsidRDefault="00A754F3" w:rsidP="006407B1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5A6F1D2D" w14:textId="39068EA6" w:rsidR="00A754F3" w:rsidRPr="00355583" w:rsidRDefault="00A754F3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exceptions&gt;</w:t>
            </w:r>
          </w:p>
        </w:tc>
        <w:tc>
          <w:tcPr>
            <w:tcW w:w="0" w:type="auto"/>
            <w:vAlign w:val="center"/>
          </w:tcPr>
          <w:p w14:paraId="73BF3F01" w14:textId="4B9B4103" w:rsidR="00A754F3" w:rsidRPr="00355583" w:rsidRDefault="00A754F3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A754F3" w:rsidRPr="0005762D" w14:paraId="449E15E3" w14:textId="77777777" w:rsidTr="006407B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76AEAC0B" w14:textId="77777777" w:rsidR="00A754F3" w:rsidRPr="000B27AA" w:rsidRDefault="00A754F3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260B123E" w14:textId="77777777" w:rsidR="00A754F3" w:rsidRPr="000B27AA" w:rsidRDefault="00A754F3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11C78BE6" w14:textId="77777777" w:rsidR="00A754F3" w:rsidRPr="000B27AA" w:rsidRDefault="00A754F3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2F4EB2F3" w14:textId="77777777" w:rsidR="00A754F3" w:rsidRPr="000B27AA" w:rsidRDefault="00A754F3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7933D72F" w14:textId="77777777" w:rsidR="00A754F3" w:rsidRPr="000B27AA" w:rsidRDefault="00A754F3" w:rsidP="006407B1"/>
        </w:tc>
        <w:tc>
          <w:tcPr>
            <w:tcW w:w="0" w:type="auto"/>
            <w:shd w:val="clear" w:color="auto" w:fill="auto"/>
            <w:vAlign w:val="center"/>
          </w:tcPr>
          <w:p w14:paraId="54D32E25" w14:textId="77777777" w:rsidR="00A754F3" w:rsidRPr="000B27AA" w:rsidRDefault="00A754F3" w:rsidP="006407B1">
            <w:pPr>
              <w:pStyle w:val="NoSpacing"/>
              <w:rPr>
                <w:rFonts w:cstheme="minorHAnsi"/>
              </w:rPr>
            </w:pPr>
          </w:p>
        </w:tc>
      </w:tr>
    </w:tbl>
    <w:p w14:paraId="3FF3E12C" w14:textId="77777777" w:rsidR="00055C17" w:rsidRDefault="00055C17" w:rsidP="00257FA0">
      <w:pPr>
        <w:keepLines/>
        <w:rPr>
          <w:lang w:val="en-US" w:eastAsia="en-GB"/>
        </w:rPr>
      </w:pPr>
    </w:p>
    <w:p w14:paraId="73C5E0D3" w14:textId="77696FDD" w:rsidR="00055C17" w:rsidRDefault="00055C17" w:rsidP="00967137">
      <w:pPr>
        <w:pStyle w:val="Heading3"/>
        <w:rPr>
          <w:rFonts w:asciiTheme="minorHAnsi" w:hAnsiTheme="minorHAnsi" w:cstheme="minorHAnsi"/>
          <w:b w:val="0"/>
          <w:bCs w:val="0"/>
          <w:color w:val="000000" w:themeColor="text1"/>
        </w:rPr>
      </w:pPr>
      <w:r>
        <w:rPr>
          <w:rFonts w:asciiTheme="minorHAnsi" w:hAnsiTheme="minorHAnsi" w:cstheme="minorHAnsi"/>
          <w:b w:val="0"/>
          <w:bCs w:val="0"/>
          <w:color w:val="000000" w:themeColor="text1"/>
        </w:rPr>
        <w:br w:type="page"/>
      </w:r>
    </w:p>
    <w:p w14:paraId="32E7CCE2" w14:textId="7A3A11EF" w:rsidR="00FE0243" w:rsidRPr="001063B0" w:rsidRDefault="00B0249E" w:rsidP="001063B0">
      <w:pPr>
        <w:pStyle w:val="Heading3"/>
        <w:numPr>
          <w:ilvl w:val="2"/>
          <w:numId w:val="45"/>
        </w:numPr>
        <w:rPr>
          <w:lang w:val="en-US" w:eastAsia="en-GB"/>
        </w:rPr>
      </w:pPr>
      <w:bookmarkStart w:id="63" w:name="_Toc49502987"/>
      <w:bookmarkStart w:id="64" w:name="_Toc49507648"/>
      <w:bookmarkStart w:id="65" w:name="_Toc49507740"/>
      <w:bookmarkStart w:id="66" w:name="_Toc49526150"/>
      <w:bookmarkStart w:id="67" w:name="_Toc49526571"/>
      <w:bookmarkStart w:id="68" w:name="_Toc49526676"/>
      <w:bookmarkStart w:id="69" w:name="_Toc49502988"/>
      <w:bookmarkStart w:id="70" w:name="_Toc49507649"/>
      <w:bookmarkStart w:id="71" w:name="_Toc49507741"/>
      <w:bookmarkStart w:id="72" w:name="_Toc49526151"/>
      <w:bookmarkStart w:id="73" w:name="_Toc49526572"/>
      <w:bookmarkStart w:id="74" w:name="_Toc49526677"/>
      <w:bookmarkStart w:id="75" w:name="_Toc49502989"/>
      <w:bookmarkStart w:id="76" w:name="_Toc49507650"/>
      <w:bookmarkStart w:id="77" w:name="_Toc49507742"/>
      <w:bookmarkStart w:id="78" w:name="_Toc49526152"/>
      <w:bookmarkStart w:id="79" w:name="_Toc49526573"/>
      <w:bookmarkStart w:id="80" w:name="_Toc49526678"/>
      <w:bookmarkStart w:id="81" w:name="_Toc87522250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r w:rsidRPr="001063B0">
        <w:rPr>
          <w:lang w:val="en-US" w:eastAsia="en-GB"/>
        </w:rPr>
        <w:lastRenderedPageBreak/>
        <w:t>Asset operation</w:t>
      </w:r>
      <w:r w:rsidR="0031466A" w:rsidRPr="001063B0">
        <w:rPr>
          <w:lang w:val="en-US" w:eastAsia="en-GB"/>
        </w:rPr>
        <w:t xml:space="preserve"> efficiency</w:t>
      </w:r>
      <w:r w:rsidRPr="001063B0">
        <w:rPr>
          <w:lang w:val="en-US" w:eastAsia="en-GB"/>
        </w:rPr>
        <w:t xml:space="preserve"> </w:t>
      </w:r>
      <w:bookmarkEnd w:id="81"/>
    </w:p>
    <w:p w14:paraId="6737A55B" w14:textId="2043C0D8" w:rsidR="001236EB" w:rsidRDefault="00B07F8A" w:rsidP="00355583">
      <w:pPr>
        <w:keepLines/>
        <w:jc w:val="both"/>
        <w:rPr>
          <w:lang w:val="en-US" w:eastAsia="en-GB"/>
        </w:rPr>
      </w:pPr>
      <w:r>
        <w:rPr>
          <w:lang w:val="en-US" w:eastAsia="en-GB"/>
        </w:rPr>
        <w:t>&lt;</w:t>
      </w:r>
      <w:r w:rsidR="001236EB" w:rsidRPr="001236EB">
        <w:rPr>
          <w:rFonts w:cstheme="minorHAnsi"/>
          <w:color w:val="000000" w:themeColor="text1"/>
        </w:rPr>
        <w:t xml:space="preserve"> </w:t>
      </w:r>
      <w:r w:rsidR="001236EB">
        <w:rPr>
          <w:rFonts w:cstheme="minorHAnsi"/>
          <w:color w:val="000000" w:themeColor="text1"/>
        </w:rPr>
        <w:t xml:space="preserve">Specify the information </w:t>
      </w:r>
      <w:r w:rsidR="00D40AA5">
        <w:rPr>
          <w:rFonts w:cstheme="minorHAnsi"/>
          <w:color w:val="000000" w:themeColor="text1"/>
        </w:rPr>
        <w:t xml:space="preserve">that is </w:t>
      </w:r>
      <w:r w:rsidR="001236EB">
        <w:rPr>
          <w:rFonts w:cstheme="minorHAnsi"/>
          <w:color w:val="000000" w:themeColor="text1"/>
        </w:rPr>
        <w:t xml:space="preserve">required from the constructed asset to </w:t>
      </w:r>
      <w:r w:rsidR="00D44CD1">
        <w:rPr>
          <w:rFonts w:cstheme="minorHAnsi"/>
          <w:color w:val="000000" w:themeColor="text1"/>
        </w:rPr>
        <w:t xml:space="preserve">be able to assess operational </w:t>
      </w:r>
      <w:r w:rsidR="00804A50">
        <w:rPr>
          <w:rFonts w:cstheme="minorHAnsi"/>
          <w:color w:val="000000" w:themeColor="text1"/>
        </w:rPr>
        <w:t>efficiencies</w:t>
      </w:r>
      <w:r w:rsidR="001236EB">
        <w:rPr>
          <w:rFonts w:cstheme="minorHAnsi"/>
          <w:color w:val="000000" w:themeColor="text1"/>
        </w:rPr>
        <w:t>.</w:t>
      </w:r>
      <w:r w:rsidR="001236EB">
        <w:rPr>
          <w:lang w:val="en-US" w:eastAsia="en-GB"/>
        </w:rPr>
        <w:t>&gt;</w:t>
      </w:r>
    </w:p>
    <w:p w14:paraId="06AC4CA3" w14:textId="5C294503" w:rsidR="00BA30B7" w:rsidRDefault="005E26D4">
      <w:pPr>
        <w:pStyle w:val="Caption"/>
      </w:pPr>
      <w:fldSimple w:instr=" DOCPROPERTY  OfficeExtensionsTranslationTable  \ ">
        <w:bookmarkStart w:id="82" w:name="_Toc87522412"/>
        <w:r w:rsidR="00BA30B7">
          <w:t>Table</w:t>
        </w:r>
      </w:fldSimple>
      <w:r w:rsidR="00BA30B7">
        <w:t xml:space="preserve"> </w:t>
      </w:r>
      <w:fldSimple w:instr=" STYLEREF  1 \s ">
        <w:r w:rsidR="00BA30B7">
          <w:rPr>
            <w:noProof/>
          </w:rPr>
          <w:t>2</w:t>
        </w:r>
      </w:fldSimple>
      <w:r w:rsidR="00BA30B7">
        <w:t>.</w:t>
      </w:r>
      <w:r w:rsidR="00BA30B7">
        <w:fldChar w:fldCharType="begin"/>
      </w:r>
      <w:r w:rsidR="00BA30B7">
        <w:instrText xml:space="preserve"> SEQ Table \s 1</w:instrText>
      </w:r>
      <w:r w:rsidR="00BA30B7">
        <w:fldChar w:fldCharType="separate"/>
      </w:r>
      <w:r w:rsidR="00BA30B7">
        <w:rPr>
          <w:noProof/>
        </w:rPr>
        <w:t>3</w:t>
      </w:r>
      <w:r w:rsidR="00BA30B7">
        <w:fldChar w:fldCharType="end"/>
      </w:r>
      <w:r w:rsidR="00BA30B7">
        <w:t>: Operation information requirements</w:t>
      </w:r>
      <w:bookmarkEnd w:id="82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EC60EA" w:rsidRPr="0005762D" w14:paraId="3E731E95" w14:textId="77777777" w:rsidTr="003556D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0" w:type="dxa"/>
            <w:vAlign w:val="center"/>
          </w:tcPr>
          <w:p w14:paraId="766AABF0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0" w:type="dxa"/>
            <w:vAlign w:val="center"/>
          </w:tcPr>
          <w:p w14:paraId="7553120B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0" w:type="dxa"/>
            <w:vAlign w:val="center"/>
          </w:tcPr>
          <w:p w14:paraId="0EE81394" w14:textId="77777777" w:rsidR="00EC60EA" w:rsidRPr="005A67F3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requirements</w:t>
            </w:r>
          </w:p>
        </w:tc>
        <w:tc>
          <w:tcPr>
            <w:tcW w:w="0" w:type="dxa"/>
            <w:vAlign w:val="center"/>
          </w:tcPr>
          <w:p w14:paraId="7843D7AC" w14:textId="77777777" w:rsidR="00EC60EA" w:rsidRPr="005A67F3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container</w:t>
            </w:r>
          </w:p>
        </w:tc>
        <w:tc>
          <w:tcPr>
            <w:tcW w:w="0" w:type="dxa"/>
            <w:vAlign w:val="center"/>
          </w:tcPr>
          <w:p w14:paraId="5DB5E98D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6CDC108" w14:textId="77777777" w:rsidR="00EC60EA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EC60EA" w:rsidRPr="0005762D" w14:paraId="2631B977" w14:textId="77777777" w:rsidTr="006407B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1560" w:type="dxa"/>
            <w:vAlign w:val="center"/>
          </w:tcPr>
          <w:p w14:paraId="61690954" w14:textId="77777777" w:rsidR="00EC60EA" w:rsidRPr="00355583" w:rsidRDefault="00EC60EA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operation activity&gt;</w:t>
            </w:r>
          </w:p>
        </w:tc>
        <w:tc>
          <w:tcPr>
            <w:tcW w:w="2835" w:type="dxa"/>
            <w:vAlign w:val="center"/>
          </w:tcPr>
          <w:p w14:paraId="1597B522" w14:textId="2019DD9F" w:rsidR="00EC60EA" w:rsidRPr="00355583" w:rsidRDefault="00EC60EA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780C961E" w14:textId="77777777" w:rsidR="00EC60EA" w:rsidRPr="00355583" w:rsidRDefault="00EC60EA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15E7E2A7" w14:textId="1B57CE71" w:rsidR="00EC60EA" w:rsidRPr="00355583" w:rsidRDefault="00EC60EA" w:rsidP="006407B1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7BEEEDEA" w14:textId="129788F0" w:rsidR="00EC60EA" w:rsidRPr="00355583" w:rsidRDefault="00EC60EA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exceptions&gt;</w:t>
            </w:r>
          </w:p>
        </w:tc>
        <w:tc>
          <w:tcPr>
            <w:tcW w:w="0" w:type="auto"/>
            <w:vAlign w:val="center"/>
          </w:tcPr>
          <w:p w14:paraId="182A34A1" w14:textId="5A6D2864" w:rsidR="00EC60EA" w:rsidRPr="00355583" w:rsidRDefault="00EC60EA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EC60EA" w:rsidRPr="0005762D" w14:paraId="3B88BFDF" w14:textId="77777777" w:rsidTr="006407B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5CA4CDD0" w14:textId="77777777" w:rsidR="00EC60EA" w:rsidRPr="000B27AA" w:rsidRDefault="00EC60EA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39789E9F" w14:textId="77777777" w:rsidR="00EC60EA" w:rsidRPr="000B27AA" w:rsidRDefault="00EC60EA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636A0F7A" w14:textId="77777777" w:rsidR="00EC60EA" w:rsidRPr="000B27AA" w:rsidRDefault="00EC60EA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76E0B3BA" w14:textId="77777777" w:rsidR="00EC60EA" w:rsidRPr="000B27AA" w:rsidRDefault="00EC60EA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255BE2CE" w14:textId="77777777" w:rsidR="00EC60EA" w:rsidRPr="000B27AA" w:rsidRDefault="00EC60EA" w:rsidP="006407B1"/>
        </w:tc>
        <w:tc>
          <w:tcPr>
            <w:tcW w:w="0" w:type="auto"/>
            <w:shd w:val="clear" w:color="auto" w:fill="auto"/>
            <w:vAlign w:val="center"/>
          </w:tcPr>
          <w:p w14:paraId="5118B29B" w14:textId="77777777" w:rsidR="00EC60EA" w:rsidRPr="000B27AA" w:rsidRDefault="00EC60EA" w:rsidP="006407B1">
            <w:pPr>
              <w:pStyle w:val="NoSpacing"/>
              <w:rPr>
                <w:rFonts w:cstheme="minorHAnsi"/>
              </w:rPr>
            </w:pPr>
          </w:p>
        </w:tc>
      </w:tr>
    </w:tbl>
    <w:p w14:paraId="32A2F6A0" w14:textId="30DC2634" w:rsidR="00055C17" w:rsidRDefault="00055C17" w:rsidP="001236EB">
      <w:pPr>
        <w:keepLines/>
        <w:rPr>
          <w:lang w:val="en-US" w:eastAsia="en-GB"/>
        </w:rPr>
      </w:pPr>
    </w:p>
    <w:p w14:paraId="50A3A4E5" w14:textId="77777777" w:rsidR="00FA63C0" w:rsidRDefault="00FA63C0" w:rsidP="001236EB">
      <w:pPr>
        <w:keepLines/>
        <w:rPr>
          <w:rFonts w:cstheme="minorHAnsi"/>
          <w:color w:val="000000" w:themeColor="text1"/>
        </w:rPr>
        <w:sectPr w:rsidR="00FA63C0" w:rsidSect="009C045D">
          <w:endnotePr>
            <w:numFmt w:val="decimal"/>
          </w:endnotePr>
          <w:pgSz w:w="16840" w:h="11907" w:orient="landscape" w:code="9"/>
          <w:pgMar w:top="1440" w:right="1440" w:bottom="1440" w:left="1440" w:header="567" w:footer="567" w:gutter="0"/>
          <w:cols w:space="708"/>
          <w:docGrid w:linePitch="360"/>
        </w:sectPr>
      </w:pPr>
    </w:p>
    <w:p w14:paraId="345C26A2" w14:textId="1445A175" w:rsidR="00B0249E" w:rsidRPr="00B0249E" w:rsidRDefault="002D396A" w:rsidP="000F45D9">
      <w:pPr>
        <w:pStyle w:val="Heading1"/>
        <w:rPr>
          <w:lang w:eastAsia="en-GB"/>
        </w:rPr>
      </w:pPr>
      <w:bookmarkStart w:id="83" w:name="_Toc49502991"/>
      <w:bookmarkStart w:id="84" w:name="_Toc49507652"/>
      <w:bookmarkStart w:id="85" w:name="_Toc49507744"/>
      <w:bookmarkStart w:id="86" w:name="_Toc49526154"/>
      <w:bookmarkStart w:id="87" w:name="_Toc49526575"/>
      <w:bookmarkStart w:id="88" w:name="_Toc49526680"/>
      <w:bookmarkStart w:id="89" w:name="_Toc49502992"/>
      <w:bookmarkStart w:id="90" w:name="_Toc49507653"/>
      <w:bookmarkStart w:id="91" w:name="_Toc49507745"/>
      <w:bookmarkStart w:id="92" w:name="_Toc49526155"/>
      <w:bookmarkStart w:id="93" w:name="_Toc49526576"/>
      <w:bookmarkStart w:id="94" w:name="_Toc49526681"/>
      <w:bookmarkStart w:id="95" w:name="_Toc49502993"/>
      <w:bookmarkStart w:id="96" w:name="_Toc49507654"/>
      <w:bookmarkStart w:id="97" w:name="_Toc49507746"/>
      <w:bookmarkStart w:id="98" w:name="_Toc49526156"/>
      <w:bookmarkStart w:id="99" w:name="_Toc49526577"/>
      <w:bookmarkStart w:id="100" w:name="_Toc49526682"/>
      <w:bookmarkStart w:id="101" w:name="_Toc49502994"/>
      <w:bookmarkStart w:id="102" w:name="_Toc49507655"/>
      <w:bookmarkStart w:id="103" w:name="_Toc49507747"/>
      <w:bookmarkStart w:id="104" w:name="_Toc49526157"/>
      <w:bookmarkStart w:id="105" w:name="_Toc49526578"/>
      <w:bookmarkStart w:id="106" w:name="_Toc49526683"/>
      <w:bookmarkStart w:id="107" w:name="_Toc49502995"/>
      <w:bookmarkStart w:id="108" w:name="_Toc49507656"/>
      <w:bookmarkStart w:id="109" w:name="_Toc49507748"/>
      <w:bookmarkStart w:id="110" w:name="_Toc49526158"/>
      <w:bookmarkStart w:id="111" w:name="_Toc49526579"/>
      <w:bookmarkStart w:id="112" w:name="_Toc49526684"/>
      <w:bookmarkStart w:id="113" w:name="_Toc49502996"/>
      <w:bookmarkStart w:id="114" w:name="_Toc49507657"/>
      <w:bookmarkStart w:id="115" w:name="_Toc49507749"/>
      <w:bookmarkStart w:id="116" w:name="_Toc49526159"/>
      <w:bookmarkStart w:id="117" w:name="_Toc49526580"/>
      <w:bookmarkStart w:id="118" w:name="_Toc49526685"/>
      <w:bookmarkStart w:id="119" w:name="_Toc49502997"/>
      <w:bookmarkStart w:id="120" w:name="_Toc49507658"/>
      <w:bookmarkStart w:id="121" w:name="_Toc49507750"/>
      <w:bookmarkStart w:id="122" w:name="_Toc49526160"/>
      <w:bookmarkStart w:id="123" w:name="_Toc49526581"/>
      <w:bookmarkStart w:id="124" w:name="_Toc49526686"/>
      <w:bookmarkStart w:id="125" w:name="_Toc49502998"/>
      <w:bookmarkStart w:id="126" w:name="_Toc49507659"/>
      <w:bookmarkStart w:id="127" w:name="_Toc49507751"/>
      <w:bookmarkStart w:id="128" w:name="_Toc49526161"/>
      <w:bookmarkStart w:id="129" w:name="_Toc49526582"/>
      <w:bookmarkStart w:id="130" w:name="_Toc49526687"/>
      <w:bookmarkStart w:id="131" w:name="_Toc49502999"/>
      <w:bookmarkStart w:id="132" w:name="_Toc49507660"/>
      <w:bookmarkStart w:id="133" w:name="_Toc49507752"/>
      <w:bookmarkStart w:id="134" w:name="_Toc49526162"/>
      <w:bookmarkStart w:id="135" w:name="_Toc49526583"/>
      <w:bookmarkStart w:id="136" w:name="_Toc49526688"/>
      <w:bookmarkStart w:id="137" w:name="_Toc49503000"/>
      <w:bookmarkStart w:id="138" w:name="_Toc49507661"/>
      <w:bookmarkStart w:id="139" w:name="_Toc49507753"/>
      <w:bookmarkStart w:id="140" w:name="_Toc49526163"/>
      <w:bookmarkStart w:id="141" w:name="_Toc49526584"/>
      <w:bookmarkStart w:id="142" w:name="_Toc49526689"/>
      <w:bookmarkStart w:id="143" w:name="_Toc49244699"/>
      <w:bookmarkStart w:id="144" w:name="_Toc49473524"/>
      <w:bookmarkStart w:id="145" w:name="_Toc49503001"/>
      <w:bookmarkStart w:id="146" w:name="_Toc49507662"/>
      <w:bookmarkStart w:id="147" w:name="_Toc49507754"/>
      <w:bookmarkStart w:id="148" w:name="_Toc49526164"/>
      <w:bookmarkStart w:id="149" w:name="_Toc49526585"/>
      <w:bookmarkStart w:id="150" w:name="_Toc49526690"/>
      <w:bookmarkStart w:id="151" w:name="_Toc49244700"/>
      <w:bookmarkStart w:id="152" w:name="_Toc49473525"/>
      <w:bookmarkStart w:id="153" w:name="_Toc49503002"/>
      <w:bookmarkStart w:id="154" w:name="_Toc49507663"/>
      <w:bookmarkStart w:id="155" w:name="_Toc49507755"/>
      <w:bookmarkStart w:id="156" w:name="_Toc49526165"/>
      <w:bookmarkStart w:id="157" w:name="_Toc49526586"/>
      <w:bookmarkStart w:id="158" w:name="_Toc49526691"/>
      <w:bookmarkStart w:id="159" w:name="_Toc49244701"/>
      <w:bookmarkStart w:id="160" w:name="_Toc49473526"/>
      <w:bookmarkStart w:id="161" w:name="_Toc49503003"/>
      <w:bookmarkStart w:id="162" w:name="_Toc49507664"/>
      <w:bookmarkStart w:id="163" w:name="_Toc49507756"/>
      <w:bookmarkStart w:id="164" w:name="_Toc49526166"/>
      <w:bookmarkStart w:id="165" w:name="_Toc49526587"/>
      <w:bookmarkStart w:id="166" w:name="_Toc49526692"/>
      <w:bookmarkStart w:id="167" w:name="_Toc49244702"/>
      <w:bookmarkStart w:id="168" w:name="_Toc49473527"/>
      <w:bookmarkStart w:id="169" w:name="_Toc49503004"/>
      <w:bookmarkStart w:id="170" w:name="_Toc49507665"/>
      <w:bookmarkStart w:id="171" w:name="_Toc49507757"/>
      <w:bookmarkStart w:id="172" w:name="_Toc49526167"/>
      <w:bookmarkStart w:id="173" w:name="_Toc49526588"/>
      <w:bookmarkStart w:id="174" w:name="_Toc49526693"/>
      <w:bookmarkStart w:id="175" w:name="_Toc49503005"/>
      <w:bookmarkStart w:id="176" w:name="_Toc49507666"/>
      <w:bookmarkStart w:id="177" w:name="_Toc49507758"/>
      <w:bookmarkStart w:id="178" w:name="_Toc49526168"/>
      <w:bookmarkStart w:id="179" w:name="_Toc49526589"/>
      <w:bookmarkStart w:id="180" w:name="_Toc49526694"/>
      <w:bookmarkStart w:id="181" w:name="_Toc49503006"/>
      <w:bookmarkStart w:id="182" w:name="_Toc49507667"/>
      <w:bookmarkStart w:id="183" w:name="_Toc49507759"/>
      <w:bookmarkStart w:id="184" w:name="_Toc49526169"/>
      <w:bookmarkStart w:id="185" w:name="_Toc49526590"/>
      <w:bookmarkStart w:id="186" w:name="_Toc49526695"/>
      <w:bookmarkStart w:id="187" w:name="_Toc49503007"/>
      <w:bookmarkStart w:id="188" w:name="_Toc49507668"/>
      <w:bookmarkStart w:id="189" w:name="_Toc49507760"/>
      <w:bookmarkStart w:id="190" w:name="_Toc49526170"/>
      <w:bookmarkStart w:id="191" w:name="_Toc49526591"/>
      <w:bookmarkStart w:id="192" w:name="_Toc49526696"/>
      <w:bookmarkStart w:id="193" w:name="_Toc49503008"/>
      <w:bookmarkStart w:id="194" w:name="_Toc49507669"/>
      <w:bookmarkStart w:id="195" w:name="_Toc49507761"/>
      <w:bookmarkStart w:id="196" w:name="_Toc49526171"/>
      <w:bookmarkStart w:id="197" w:name="_Toc49526592"/>
      <w:bookmarkStart w:id="198" w:name="_Toc49526697"/>
      <w:bookmarkStart w:id="199" w:name="_Toc49503009"/>
      <w:bookmarkStart w:id="200" w:name="_Toc49507670"/>
      <w:bookmarkStart w:id="201" w:name="_Toc49507762"/>
      <w:bookmarkStart w:id="202" w:name="_Toc49526172"/>
      <w:bookmarkStart w:id="203" w:name="_Toc49526593"/>
      <w:bookmarkStart w:id="204" w:name="_Toc49526698"/>
      <w:bookmarkStart w:id="205" w:name="_Toc87522251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r>
        <w:rPr>
          <w:lang w:eastAsia="en-GB"/>
        </w:rPr>
        <w:lastRenderedPageBreak/>
        <w:t xml:space="preserve">Information </w:t>
      </w:r>
      <w:r w:rsidR="005A18B6" w:rsidRPr="00B0249E">
        <w:rPr>
          <w:lang w:eastAsia="en-GB"/>
        </w:rPr>
        <w:t>standard</w:t>
      </w:r>
      <w:r w:rsidR="005A18B6">
        <w:rPr>
          <w:lang w:eastAsia="en-GB"/>
        </w:rPr>
        <w:t>s</w:t>
      </w:r>
      <w:r w:rsidR="005A18B6" w:rsidRPr="00B0249E">
        <w:rPr>
          <w:lang w:eastAsia="en-GB"/>
        </w:rPr>
        <w:t xml:space="preserve">, </w:t>
      </w:r>
      <w:r w:rsidR="005A18B6">
        <w:rPr>
          <w:lang w:eastAsia="en-GB"/>
        </w:rPr>
        <w:t xml:space="preserve">information production </w:t>
      </w:r>
      <w:r w:rsidR="005A18B6" w:rsidRPr="00B0249E">
        <w:rPr>
          <w:lang w:eastAsia="en-GB"/>
        </w:rPr>
        <w:t>methods and procedures</w:t>
      </w:r>
      <w:bookmarkEnd w:id="205"/>
      <w:r w:rsidR="005A18B6" w:rsidRPr="00B0249E">
        <w:rPr>
          <w:lang w:eastAsia="en-GB"/>
        </w:rPr>
        <w:t xml:space="preserve"> </w:t>
      </w:r>
    </w:p>
    <w:p w14:paraId="54E8A838" w14:textId="6249EE0A" w:rsidR="003E0825" w:rsidRDefault="003E0825" w:rsidP="00D40AA5">
      <w:pPr>
        <w:jc w:val="both"/>
      </w:pPr>
      <w:r>
        <w:t>&lt;Outline the purpose of the information standards, information production methods and procedures for the project.&gt;</w:t>
      </w:r>
    </w:p>
    <w:p w14:paraId="493DF217" w14:textId="77777777" w:rsidR="00D40AA5" w:rsidRPr="004D5158" w:rsidRDefault="00D40AA5" w:rsidP="00355583">
      <w:pPr>
        <w:jc w:val="both"/>
      </w:pPr>
    </w:p>
    <w:p w14:paraId="7C8A5876" w14:textId="2671DB13" w:rsidR="003E0825" w:rsidRPr="007825CA" w:rsidRDefault="003E0825" w:rsidP="00355583">
      <w:pPr>
        <w:pStyle w:val="Heading2"/>
        <w:spacing w:before="360" w:line="360" w:lineRule="auto"/>
        <w:ind w:left="0" w:firstLine="0"/>
        <w:jc w:val="both"/>
      </w:pPr>
      <w:bookmarkStart w:id="206" w:name="_Toc47114488"/>
      <w:bookmarkStart w:id="207" w:name="_Toc87522252"/>
      <w:r w:rsidRPr="007825CA">
        <w:t xml:space="preserve">Information </w:t>
      </w:r>
      <w:r w:rsidR="00890382">
        <w:t>s</w:t>
      </w:r>
      <w:r w:rsidRPr="007825CA">
        <w:t>tandards</w:t>
      </w:r>
      <w:bookmarkEnd w:id="206"/>
      <w:bookmarkEnd w:id="207"/>
    </w:p>
    <w:p w14:paraId="6270AB30" w14:textId="77777777" w:rsidR="003E0825" w:rsidRPr="001B4B01" w:rsidRDefault="003E0825" w:rsidP="00355583">
      <w:pPr>
        <w:jc w:val="both"/>
      </w:pPr>
      <w:bookmarkStart w:id="208" w:name="_Hlk46302731"/>
      <w:r w:rsidRPr="0014237A">
        <w:t>&lt;Define the information standards that are to be adhered to on this project.&gt;</w:t>
      </w:r>
    </w:p>
    <w:p w14:paraId="17644840" w14:textId="7777E1FF" w:rsidR="003E0825" w:rsidRPr="001B4B01" w:rsidRDefault="00476917" w:rsidP="00355583">
      <w:pPr>
        <w:pStyle w:val="Heading3"/>
        <w:spacing w:after="80" w:line="360" w:lineRule="auto"/>
        <w:ind w:left="0" w:firstLine="0"/>
        <w:jc w:val="both"/>
      </w:pPr>
      <w:bookmarkStart w:id="209" w:name="_Toc47114489"/>
      <w:bookmarkStart w:id="210" w:name="_Toc87522253"/>
      <w:bookmarkEnd w:id="208"/>
      <w:r>
        <w:t>Information management</w:t>
      </w:r>
      <w:r w:rsidR="003E0825" w:rsidRPr="001B4B01">
        <w:t xml:space="preserve"> standards</w:t>
      </w:r>
      <w:bookmarkEnd w:id="209"/>
      <w:bookmarkEnd w:id="210"/>
    </w:p>
    <w:p w14:paraId="55F563C2" w14:textId="77777777" w:rsidR="003632A7" w:rsidRPr="009F24AD" w:rsidRDefault="003632A7" w:rsidP="00355583">
      <w:pPr>
        <w:jc w:val="both"/>
      </w:pPr>
      <w:r w:rsidRPr="009F24AD">
        <w:t>&lt;Define both the internal and external standards that all project information production and management should adhere to. These should be reflected within the main body of the document.&gt;</w:t>
      </w:r>
    </w:p>
    <w:p w14:paraId="26045F22" w14:textId="5E24D2FC" w:rsidR="00C04B4F" w:rsidRPr="001B4B01" w:rsidRDefault="00C04B4F" w:rsidP="00355583">
      <w:pPr>
        <w:pStyle w:val="Heading3"/>
        <w:spacing w:after="80" w:line="360" w:lineRule="auto"/>
        <w:ind w:left="0" w:firstLine="0"/>
        <w:jc w:val="both"/>
      </w:pPr>
      <w:bookmarkStart w:id="211" w:name="_Toc87522254"/>
      <w:r>
        <w:t>Asset identification</w:t>
      </w:r>
      <w:bookmarkEnd w:id="211"/>
      <w:r>
        <w:t xml:space="preserve"> </w:t>
      </w:r>
    </w:p>
    <w:p w14:paraId="405816FE" w14:textId="44A669D0" w:rsidR="000E79C4" w:rsidRDefault="00A6473F" w:rsidP="00355583">
      <w:pPr>
        <w:jc w:val="both"/>
      </w:pPr>
      <w:r w:rsidRPr="00A632BB">
        <w:t xml:space="preserve">&lt;Provide references to standards that define </w:t>
      </w:r>
      <w:r>
        <w:t>asset identification</w:t>
      </w:r>
      <w:r w:rsidRPr="00A632BB">
        <w:t xml:space="preserve"> conventions</w:t>
      </w:r>
      <w:r>
        <w:t xml:space="preserve"> that are to be adhered to on this project</w:t>
      </w:r>
      <w:r w:rsidRPr="00A632BB">
        <w:t xml:space="preserve">.&gt; </w:t>
      </w:r>
    </w:p>
    <w:p w14:paraId="37E2A902" w14:textId="77777777" w:rsidR="00FF1C27" w:rsidRDefault="005E26D4" w:rsidP="00FF1C27">
      <w:pPr>
        <w:pStyle w:val="Caption"/>
      </w:pPr>
      <w:fldSimple w:instr=" DOCPROPERTY  OfficeExtensionsTranslationTable  \ ">
        <w:bookmarkStart w:id="212" w:name="_Toc87521670"/>
        <w:bookmarkStart w:id="213" w:name="_Toc87522413"/>
        <w:r w:rsidR="00FF1C27">
          <w:t>Table</w:t>
        </w:r>
      </w:fldSimple>
      <w:r w:rsidR="00FF1C27">
        <w:t xml:space="preserve"> </w:t>
      </w:r>
      <w:fldSimple w:instr=" STYLEREF  1 \s ">
        <w:r w:rsidR="00FF1C27">
          <w:rPr>
            <w:noProof/>
          </w:rPr>
          <w:t>3</w:t>
        </w:r>
      </w:fldSimple>
      <w:r w:rsidR="00FF1C27">
        <w:t>.</w:t>
      </w:r>
      <w:r w:rsidR="00FF1C27">
        <w:fldChar w:fldCharType="begin"/>
      </w:r>
      <w:r w:rsidR="00FF1C27">
        <w:instrText xml:space="preserve"> SEQ Table \s 1</w:instrText>
      </w:r>
      <w:r w:rsidR="00FF1C27">
        <w:fldChar w:fldCharType="separate"/>
      </w:r>
      <w:r w:rsidR="00FF1C27">
        <w:rPr>
          <w:noProof/>
        </w:rPr>
        <w:t>1</w:t>
      </w:r>
      <w:r w:rsidR="00FF1C27">
        <w:fldChar w:fldCharType="end"/>
      </w:r>
      <w:r w:rsidR="00FF1C27">
        <w:t>: Asset identification convention</w:t>
      </w:r>
      <w:bookmarkEnd w:id="212"/>
      <w:bookmarkEnd w:id="213"/>
      <w:r w:rsidR="00FF1C27">
        <w:t xml:space="preserve"> </w:t>
      </w:r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Righ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800"/>
        <w:gridCol w:w="1800"/>
        <w:gridCol w:w="1809"/>
        <w:gridCol w:w="1809"/>
        <w:gridCol w:w="1713"/>
        <w:gridCol w:w="96"/>
      </w:tblGrid>
      <w:tr w:rsidR="00FF1C27" w:rsidRPr="002B1C4C" w14:paraId="38A13D61" w14:textId="77777777" w:rsidTr="008D35B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0"/>
        </w:trPr>
        <w:tc>
          <w:tcPr>
            <w:tcW w:w="997" w:type="pct"/>
            <w:shd w:val="clear" w:color="auto" w:fill="auto"/>
          </w:tcPr>
          <w:p w14:paraId="0D7A8F77" w14:textId="77777777" w:rsidR="00FF1C27" w:rsidRPr="005D08BD" w:rsidRDefault="00FF1C27" w:rsidP="008D35B8">
            <w:pPr>
              <w:pStyle w:val="TableText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1</w:t>
            </w:r>
          </w:p>
        </w:tc>
        <w:tc>
          <w:tcPr>
            <w:tcW w:w="997" w:type="pct"/>
            <w:shd w:val="clear" w:color="auto" w:fill="auto"/>
          </w:tcPr>
          <w:p w14:paraId="31DE84A0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2</w:t>
            </w:r>
          </w:p>
        </w:tc>
        <w:tc>
          <w:tcPr>
            <w:tcW w:w="1002" w:type="pct"/>
            <w:shd w:val="clear" w:color="auto" w:fill="auto"/>
          </w:tcPr>
          <w:p w14:paraId="4092B109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3</w:t>
            </w:r>
          </w:p>
        </w:tc>
        <w:tc>
          <w:tcPr>
            <w:tcW w:w="1002" w:type="pct"/>
            <w:shd w:val="clear" w:color="auto" w:fill="auto"/>
          </w:tcPr>
          <w:p w14:paraId="569E87FA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4</w:t>
            </w:r>
          </w:p>
        </w:tc>
        <w:tc>
          <w:tcPr>
            <w:tcW w:w="1002" w:type="pct"/>
            <w:gridSpan w:val="2"/>
            <w:shd w:val="clear" w:color="auto" w:fill="auto"/>
          </w:tcPr>
          <w:p w14:paraId="1AD35644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5</w:t>
            </w:r>
          </w:p>
        </w:tc>
      </w:tr>
      <w:tr w:rsidR="00FF1C27" w:rsidRPr="002B1C4C" w14:paraId="0FA736CF" w14:textId="77777777" w:rsidTr="008D35B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61"/>
        </w:trPr>
        <w:tc>
          <w:tcPr>
            <w:tcW w:w="997" w:type="pct"/>
            <w:shd w:val="clear" w:color="auto" w:fill="DDDCDC"/>
          </w:tcPr>
          <w:p w14:paraId="1CBC8171" w14:textId="77777777" w:rsidR="00FF1C27" w:rsidRPr="005D08BD" w:rsidRDefault="00FF1C27" w:rsidP="008D35B8">
            <w:pPr>
              <w:pStyle w:val="TableText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Asset code</w:t>
            </w:r>
          </w:p>
        </w:tc>
        <w:tc>
          <w:tcPr>
            <w:tcW w:w="997" w:type="pct"/>
            <w:shd w:val="clear" w:color="auto" w:fill="DDDCDC"/>
          </w:tcPr>
          <w:p w14:paraId="06BE7F4E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Floor</w:t>
            </w:r>
          </w:p>
        </w:tc>
        <w:tc>
          <w:tcPr>
            <w:tcW w:w="1002" w:type="pct"/>
            <w:shd w:val="clear" w:color="auto" w:fill="DDDCDC"/>
          </w:tcPr>
          <w:p w14:paraId="5526901A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Instance number</w:t>
            </w:r>
          </w:p>
        </w:tc>
        <w:tc>
          <w:tcPr>
            <w:tcW w:w="1002" w:type="pct"/>
            <w:shd w:val="clear" w:color="auto" w:fill="DDDCDC"/>
          </w:tcPr>
          <w:p w14:paraId="43731B33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NRM1 code</w:t>
            </w:r>
          </w:p>
        </w:tc>
        <w:tc>
          <w:tcPr>
            <w:tcW w:w="1002" w:type="pct"/>
            <w:gridSpan w:val="2"/>
            <w:shd w:val="clear" w:color="auto" w:fill="DDDCDC"/>
          </w:tcPr>
          <w:p w14:paraId="31E740A1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Title</w:t>
            </w:r>
          </w:p>
        </w:tc>
      </w:tr>
      <w:tr w:rsidR="00FF1C27" w:rsidRPr="002B1C4C" w14:paraId="25A71D15" w14:textId="77777777" w:rsidTr="008D35B8">
        <w:trPr>
          <w:trHeight w:val="280"/>
        </w:trPr>
        <w:tc>
          <w:tcPr>
            <w:tcW w:w="997" w:type="pct"/>
            <w:shd w:val="clear" w:color="auto" w:fill="auto"/>
          </w:tcPr>
          <w:p w14:paraId="1CEE6045" w14:textId="77777777" w:rsidR="00FF1C27" w:rsidRPr="005D08BD" w:rsidRDefault="00FF1C27" w:rsidP="008D35B8">
            <w:pPr>
              <w:pStyle w:val="TableText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</w:t>
            </w:r>
          </w:p>
        </w:tc>
        <w:tc>
          <w:tcPr>
            <w:tcW w:w="997" w:type="pct"/>
            <w:shd w:val="clear" w:color="auto" w:fill="auto"/>
          </w:tcPr>
          <w:p w14:paraId="7FEFEBF6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</w:t>
            </w:r>
          </w:p>
        </w:tc>
        <w:tc>
          <w:tcPr>
            <w:tcW w:w="1002" w:type="pct"/>
            <w:shd w:val="clear" w:color="auto" w:fill="auto"/>
          </w:tcPr>
          <w:p w14:paraId="323C45B6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X</w:t>
            </w:r>
          </w:p>
        </w:tc>
        <w:tc>
          <w:tcPr>
            <w:tcW w:w="1002" w:type="pct"/>
            <w:shd w:val="clear" w:color="auto" w:fill="auto"/>
          </w:tcPr>
          <w:p w14:paraId="4D4B2F02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_XX_XX</w:t>
            </w:r>
          </w:p>
        </w:tc>
        <w:tc>
          <w:tcPr>
            <w:tcW w:w="1002" w:type="pct"/>
            <w:gridSpan w:val="2"/>
            <w:shd w:val="clear" w:color="auto" w:fill="auto"/>
          </w:tcPr>
          <w:p w14:paraId="58573C09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XX</w:t>
            </w:r>
          </w:p>
        </w:tc>
      </w:tr>
      <w:tr w:rsidR="00FF1C27" w:rsidRPr="002B1C4C" w14:paraId="6033FA1F" w14:textId="77777777" w:rsidTr="008D35B8">
        <w:trPr>
          <w:gridAfter w:val="1"/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wAfter w:w="53" w:type="pct"/>
          <w:trHeight w:val="265"/>
        </w:trPr>
        <w:tc>
          <w:tcPr>
            <w:tcW w:w="4947" w:type="pct"/>
            <w:gridSpan w:val="5"/>
            <w:shd w:val="clear" w:color="auto" w:fill="DDDCDC"/>
          </w:tcPr>
          <w:p w14:paraId="1713731E" w14:textId="77777777" w:rsidR="00FF1C27" w:rsidRPr="005D08BD" w:rsidRDefault="00FF1C27" w:rsidP="008D35B8">
            <w:pPr>
              <w:pStyle w:val="TableTextLeft"/>
              <w:rPr>
                <w:rFonts w:cs="Arial"/>
                <w:i/>
                <w:iCs/>
                <w:sz w:val="18"/>
                <w:szCs w:val="18"/>
              </w:rPr>
            </w:pPr>
            <w:r w:rsidRPr="005D08BD">
              <w:rPr>
                <w:rFonts w:cs="Arial"/>
                <w:i/>
                <w:iCs/>
                <w:sz w:val="18"/>
                <w:szCs w:val="18"/>
              </w:rPr>
              <w:t>Example: 1234-01-00002- EF_70_80-Light</w:t>
            </w:r>
          </w:p>
        </w:tc>
      </w:tr>
    </w:tbl>
    <w:p w14:paraId="4FA2E972" w14:textId="77777777" w:rsidR="00FF1C27" w:rsidRDefault="00FF1C27" w:rsidP="00355583">
      <w:pPr>
        <w:jc w:val="both"/>
      </w:pPr>
    </w:p>
    <w:p w14:paraId="5799BBCA" w14:textId="476FDA23" w:rsidR="00317151" w:rsidRDefault="00317151" w:rsidP="00355583">
      <w:pPr>
        <w:pStyle w:val="Heading3"/>
        <w:jc w:val="both"/>
        <w:rPr>
          <w:lang w:val="en-US" w:eastAsia="en-GB"/>
        </w:rPr>
      </w:pPr>
      <w:bookmarkStart w:id="214" w:name="_Toc87522255"/>
      <w:r>
        <w:rPr>
          <w:lang w:val="en-US" w:eastAsia="en-GB"/>
        </w:rPr>
        <w:t xml:space="preserve">A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m</w:t>
      </w:r>
      <w:r>
        <w:rPr>
          <w:lang w:val="en-US" w:eastAsia="en-GB"/>
        </w:rPr>
        <w:t xml:space="preserve">odel (AIM) </w:t>
      </w:r>
      <w:r w:rsidR="00CD6CEA">
        <w:rPr>
          <w:lang w:val="en-US" w:eastAsia="en-GB"/>
        </w:rPr>
        <w:t>deliverables</w:t>
      </w:r>
      <w:bookmarkEnd w:id="214"/>
      <w:r>
        <w:rPr>
          <w:lang w:val="en-US" w:eastAsia="en-GB"/>
        </w:rPr>
        <w:t xml:space="preserve"> </w:t>
      </w:r>
    </w:p>
    <w:p w14:paraId="3FC6278C" w14:textId="3D835C0F" w:rsidR="00317151" w:rsidRDefault="00317151" w:rsidP="00355583">
      <w:pPr>
        <w:jc w:val="both"/>
        <w:rPr>
          <w:lang w:val="en-US" w:eastAsia="en-GB"/>
        </w:rPr>
      </w:pPr>
      <w:r>
        <w:rPr>
          <w:lang w:val="en-US" w:eastAsia="en-GB"/>
        </w:rPr>
        <w:t xml:space="preserve">&lt;Describe the </w:t>
      </w:r>
      <w:r w:rsidR="0048379D">
        <w:rPr>
          <w:lang w:val="en-US" w:eastAsia="en-GB"/>
        </w:rPr>
        <w:t>a</w:t>
      </w:r>
      <w:r>
        <w:rPr>
          <w:lang w:val="en-US" w:eastAsia="en-GB"/>
        </w:rPr>
        <w:t xml:space="preserve">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m</w:t>
      </w:r>
      <w:r>
        <w:rPr>
          <w:lang w:val="en-US" w:eastAsia="en-GB"/>
        </w:rPr>
        <w:t xml:space="preserve">odel (AIM) </w:t>
      </w:r>
      <w:r w:rsidR="00605B94">
        <w:rPr>
          <w:lang w:val="en-US" w:eastAsia="en-GB"/>
        </w:rPr>
        <w:t>deliverables. This should include</w:t>
      </w:r>
      <w:r w:rsidR="00C853A0">
        <w:rPr>
          <w:lang w:val="en-US" w:eastAsia="en-GB"/>
        </w:rPr>
        <w:t xml:space="preserve"> requirements for interoperability with existing asset operation systems.</w:t>
      </w:r>
      <w:r>
        <w:rPr>
          <w:lang w:val="en-US" w:eastAsia="en-GB"/>
        </w:rPr>
        <w:t>&gt;</w:t>
      </w:r>
    </w:p>
    <w:p w14:paraId="62AE9DE2" w14:textId="62F2C7EC" w:rsidR="00445096" w:rsidRPr="0014237A" w:rsidRDefault="00445096" w:rsidP="00355583">
      <w:pPr>
        <w:pStyle w:val="Heading3"/>
        <w:spacing w:after="80" w:line="360" w:lineRule="auto"/>
        <w:ind w:left="0" w:firstLine="0"/>
        <w:jc w:val="both"/>
      </w:pPr>
      <w:bookmarkStart w:id="215" w:name="_Toc49503015"/>
      <w:bookmarkStart w:id="216" w:name="_Toc49507676"/>
      <w:bookmarkStart w:id="217" w:name="_Toc49507768"/>
      <w:bookmarkStart w:id="218" w:name="_Toc49526178"/>
      <w:bookmarkStart w:id="219" w:name="_Toc49526599"/>
      <w:bookmarkStart w:id="220" w:name="_Toc49526704"/>
      <w:bookmarkStart w:id="221" w:name="_Toc46923461"/>
      <w:bookmarkStart w:id="222" w:name="_Toc46923731"/>
      <w:bookmarkStart w:id="223" w:name="_Toc46924735"/>
      <w:bookmarkStart w:id="224" w:name="_Toc46927264"/>
      <w:bookmarkStart w:id="225" w:name="_Toc46929107"/>
      <w:bookmarkStart w:id="226" w:name="_Toc47092087"/>
      <w:bookmarkStart w:id="227" w:name="_Toc47094049"/>
      <w:bookmarkStart w:id="228" w:name="_Toc47094153"/>
      <w:bookmarkStart w:id="229" w:name="_Toc47094257"/>
      <w:bookmarkStart w:id="230" w:name="_Toc47094361"/>
      <w:bookmarkStart w:id="231" w:name="_Toc47094465"/>
      <w:bookmarkStart w:id="232" w:name="_Toc47094569"/>
      <w:bookmarkStart w:id="233" w:name="_Toc87522256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r w:rsidRPr="0014237A">
        <w:t xml:space="preserve">Information </w:t>
      </w:r>
      <w:r w:rsidR="00670329">
        <w:t>classifications</w:t>
      </w:r>
      <w:bookmarkEnd w:id="233"/>
    </w:p>
    <w:p w14:paraId="796F36E7" w14:textId="15231E8B" w:rsidR="00056702" w:rsidRDefault="00AA2A73" w:rsidP="00D40AA5">
      <w:pPr>
        <w:jc w:val="both"/>
      </w:pPr>
      <w:r w:rsidRPr="00BB0054">
        <w:t xml:space="preserve">&lt;If any information classifications have been identified on the project, provide </w:t>
      </w:r>
      <w:r w:rsidR="0048379D">
        <w:t xml:space="preserve">a </w:t>
      </w:r>
      <w:r w:rsidRPr="00BB0054">
        <w:t xml:space="preserve">reference </w:t>
      </w:r>
      <w:r w:rsidR="0048379D">
        <w:t>to</w:t>
      </w:r>
      <w:r w:rsidR="0048379D" w:rsidRPr="00BB0054">
        <w:t xml:space="preserve"> </w:t>
      </w:r>
      <w:r w:rsidRPr="00BB0054">
        <w:t>any classification standards that security metadata should adhere to.&gt;</w:t>
      </w:r>
    </w:p>
    <w:p w14:paraId="44290BF6" w14:textId="77777777" w:rsidR="00D40AA5" w:rsidRDefault="00D40AA5" w:rsidP="00355583">
      <w:pPr>
        <w:jc w:val="both"/>
      </w:pPr>
    </w:p>
    <w:p w14:paraId="3E812D60" w14:textId="07BF9D0C" w:rsidR="004B73F0" w:rsidRPr="007825CA" w:rsidRDefault="004B73F0" w:rsidP="00355583">
      <w:pPr>
        <w:pStyle w:val="Heading2"/>
        <w:jc w:val="both"/>
      </w:pPr>
      <w:bookmarkStart w:id="234" w:name="_Toc49503017"/>
      <w:bookmarkStart w:id="235" w:name="_Toc49507678"/>
      <w:bookmarkStart w:id="236" w:name="_Toc49507770"/>
      <w:bookmarkStart w:id="237" w:name="_Toc49526180"/>
      <w:bookmarkStart w:id="238" w:name="_Toc49526601"/>
      <w:bookmarkStart w:id="239" w:name="_Toc49526706"/>
      <w:bookmarkStart w:id="240" w:name="_Toc49503018"/>
      <w:bookmarkStart w:id="241" w:name="_Toc49507679"/>
      <w:bookmarkStart w:id="242" w:name="_Toc49507771"/>
      <w:bookmarkStart w:id="243" w:name="_Toc49526181"/>
      <w:bookmarkStart w:id="244" w:name="_Toc49526602"/>
      <w:bookmarkStart w:id="245" w:name="_Toc49526707"/>
      <w:bookmarkStart w:id="246" w:name="_Toc49503019"/>
      <w:bookmarkStart w:id="247" w:name="_Toc49507680"/>
      <w:bookmarkStart w:id="248" w:name="_Toc49507772"/>
      <w:bookmarkStart w:id="249" w:name="_Toc49526182"/>
      <w:bookmarkStart w:id="250" w:name="_Toc49526603"/>
      <w:bookmarkStart w:id="251" w:name="_Toc49526708"/>
      <w:bookmarkStart w:id="252" w:name="_Toc49503020"/>
      <w:bookmarkStart w:id="253" w:name="_Toc49507681"/>
      <w:bookmarkStart w:id="254" w:name="_Toc49507773"/>
      <w:bookmarkStart w:id="255" w:name="_Toc49526183"/>
      <w:bookmarkStart w:id="256" w:name="_Toc49526604"/>
      <w:bookmarkStart w:id="257" w:name="_Toc49526709"/>
      <w:bookmarkStart w:id="258" w:name="_Toc49503021"/>
      <w:bookmarkStart w:id="259" w:name="_Toc49507682"/>
      <w:bookmarkStart w:id="260" w:name="_Toc49507774"/>
      <w:bookmarkStart w:id="261" w:name="_Toc49526184"/>
      <w:bookmarkStart w:id="262" w:name="_Toc49526605"/>
      <w:bookmarkStart w:id="263" w:name="_Toc49526710"/>
      <w:bookmarkStart w:id="264" w:name="_Toc49503022"/>
      <w:bookmarkStart w:id="265" w:name="_Toc49507683"/>
      <w:bookmarkStart w:id="266" w:name="_Toc49507775"/>
      <w:bookmarkStart w:id="267" w:name="_Toc49526185"/>
      <w:bookmarkStart w:id="268" w:name="_Toc49526606"/>
      <w:bookmarkStart w:id="269" w:name="_Toc49526711"/>
      <w:bookmarkStart w:id="270" w:name="_Toc49503023"/>
      <w:bookmarkStart w:id="271" w:name="_Toc49507684"/>
      <w:bookmarkStart w:id="272" w:name="_Toc49507776"/>
      <w:bookmarkStart w:id="273" w:name="_Toc49526186"/>
      <w:bookmarkStart w:id="274" w:name="_Toc49526607"/>
      <w:bookmarkStart w:id="275" w:name="_Toc49526712"/>
      <w:bookmarkStart w:id="276" w:name="_Toc87522257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r>
        <w:t>Information production methods and procedures</w:t>
      </w:r>
      <w:bookmarkEnd w:id="276"/>
    </w:p>
    <w:p w14:paraId="6869AD35" w14:textId="1F609B4A" w:rsidR="00A90A1D" w:rsidRDefault="00D32871" w:rsidP="00355583">
      <w:pPr>
        <w:pStyle w:val="Heading3"/>
        <w:jc w:val="both"/>
        <w:rPr>
          <w:lang w:val="en-US" w:eastAsia="en-GB"/>
        </w:rPr>
      </w:pPr>
      <w:bookmarkStart w:id="277" w:name="_Toc87522258"/>
      <w:r>
        <w:rPr>
          <w:lang w:val="en-US" w:eastAsia="en-GB"/>
        </w:rPr>
        <w:t xml:space="preserve">Soft </w:t>
      </w:r>
      <w:r w:rsidR="006418E5">
        <w:rPr>
          <w:lang w:val="en-US" w:eastAsia="en-GB"/>
        </w:rPr>
        <w:t>landing</w:t>
      </w:r>
      <w:r w:rsidR="0091476C">
        <w:rPr>
          <w:lang w:val="en-US" w:eastAsia="en-GB"/>
        </w:rPr>
        <w:t>s</w:t>
      </w:r>
      <w:bookmarkEnd w:id="277"/>
    </w:p>
    <w:p w14:paraId="0C245AF6" w14:textId="7D33F63A" w:rsidR="003E0825" w:rsidRPr="007825CA" w:rsidRDefault="003E0825" w:rsidP="00355583">
      <w:pPr>
        <w:jc w:val="both"/>
      </w:pPr>
      <w:r w:rsidRPr="007825CA">
        <w:t xml:space="preserve">&lt;Define an overview of the expectations for </w:t>
      </w:r>
      <w:bookmarkStart w:id="278" w:name="_Toc47114497"/>
      <w:r w:rsidR="0091476C">
        <w:t>post</w:t>
      </w:r>
      <w:r w:rsidR="0048379D">
        <w:t>-</w:t>
      </w:r>
      <w:r w:rsidR="0091476C">
        <w:t>occupation evaluation and monitoring</w:t>
      </w:r>
      <w:r w:rsidRPr="007825CA">
        <w:t>.&gt;</w:t>
      </w:r>
    </w:p>
    <w:bookmarkEnd w:id="278"/>
    <w:p w14:paraId="3E6DF066" w14:textId="20C7B8A5" w:rsidR="00471DC1" w:rsidRPr="003556D8" w:rsidRDefault="00471DC1" w:rsidP="00012FEA">
      <w:pPr>
        <w:pStyle w:val="TableHeadingLeft"/>
        <w:ind w:left="0"/>
        <w:rPr>
          <w:b w:val="0"/>
          <w:strike/>
          <w:color w:val="auto"/>
          <w:sz w:val="20"/>
          <w:szCs w:val="20"/>
        </w:rPr>
      </w:pPr>
    </w:p>
    <w:p w14:paraId="6EDC60FA" w14:textId="604BD3D9" w:rsidR="00D05CAB" w:rsidRDefault="00D05CAB" w:rsidP="00087A17"/>
    <w:p w14:paraId="706C0412" w14:textId="7B57CF4B" w:rsidR="00087A17" w:rsidRDefault="00666355" w:rsidP="00087A17">
      <w:r w:rsidRPr="00596247">
        <w:rPr>
          <w:noProof/>
        </w:rPr>
        <w:drawing>
          <wp:anchor distT="0" distB="0" distL="114300" distR="114300" simplePos="0" relativeHeight="251658241" behindDoc="1" locked="0" layoutInCell="1" allowOverlap="1" wp14:anchorId="708EF96B" wp14:editId="72B85D1D">
            <wp:simplePos x="0" y="0"/>
            <wp:positionH relativeFrom="margin">
              <wp:align>left</wp:align>
            </wp:positionH>
            <wp:positionV relativeFrom="paragraph">
              <wp:posOffset>4996180</wp:posOffset>
            </wp:positionV>
            <wp:extent cx="6301740" cy="3240051"/>
            <wp:effectExtent l="0" t="0" r="3810" b="0"/>
            <wp:wrapNone/>
            <wp:docPr id="1832009787" name="Picture 183200978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MM SI proposal cover sml.jpg"/>
                    <pic:cNvPicPr/>
                  </pic:nvPicPr>
                  <pic:blipFill rotWithShape="1"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61069" r="462"/>
                    <a:stretch/>
                  </pic:blipFill>
                  <pic:spPr bwMode="auto">
                    <a:xfrm>
                      <a:off x="0" y="0"/>
                      <a:ext cx="6301740" cy="3240051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sectPr w:rsidR="00087A17" w:rsidSect="003556D8">
      <w:headerReference w:type="default" r:id="rId22"/>
      <w:endnotePr>
        <w:numFmt w:val="decimal"/>
      </w:endnotePr>
      <w:pgSz w:w="11907" w:h="16840" w:code="9"/>
      <w:pgMar w:top="1440" w:right="1440" w:bottom="1440" w:left="1440" w:header="567" w:footer="567" w:gutter="0"/>
      <w:pgNumType w:start="7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7F7858D" w14:textId="77777777" w:rsidR="0026221D" w:rsidRPr="00B016B1" w:rsidRDefault="0026221D" w:rsidP="00B016B1">
      <w:pPr>
        <w:pStyle w:val="Footer"/>
      </w:pPr>
    </w:p>
  </w:endnote>
  <w:endnote w:type="continuationSeparator" w:id="0">
    <w:p w14:paraId="4718A2B0" w14:textId="77777777" w:rsidR="0026221D" w:rsidRPr="00B016B1" w:rsidRDefault="0026221D" w:rsidP="00B016B1">
      <w:pPr>
        <w:pStyle w:val="Footer"/>
      </w:pPr>
    </w:p>
  </w:endnote>
  <w:endnote w:type="continuationNotice" w:id="1">
    <w:p w14:paraId="2BF3DDE8" w14:textId="77777777" w:rsidR="0026221D" w:rsidRPr="00B016B1" w:rsidRDefault="0026221D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4CC089" w14:textId="05AFD9E9" w:rsidR="00905DE1" w:rsidRPr="00D45D45" w:rsidRDefault="00B919E2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2337" behindDoc="0" locked="0" layoutInCell="1" allowOverlap="1" wp14:anchorId="46477777" wp14:editId="5DA31630">
              <wp:simplePos x="0" y="0"/>
              <wp:positionH relativeFrom="page">
                <wp:posOffset>12585</wp:posOffset>
              </wp:positionH>
              <wp:positionV relativeFrom="paragraph">
                <wp:posOffset>0</wp:posOffset>
              </wp:positionV>
              <wp:extent cx="7566991" cy="1297471"/>
              <wp:effectExtent l="0" t="0" r="0" b="0"/>
              <wp:wrapNone/>
              <wp:docPr id="28" name="Group 28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566991" cy="1297471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30" name="Picture 30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31" name="Rectangle 31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A035A5C" id="Group 28" o:spid="_x0000_s1026" style="position:absolute;margin-left:1pt;margin-top:0;width:595.85pt;height:102.15pt;z-index:251662337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0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">
                <v:imagedata r:id="rId2" o:title=""/>
              </v:shape>
              <v:rect id="Rectangle 31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" fillcolor="#0073cf" stroked="f" strokeweight="1pt"/>
              <w10:wrap anchorx="page"/>
            </v:group>
          </w:pict>
        </mc:Fallback>
      </mc:AlternateContent>
    </w:r>
  </w:p>
  <w:p w14:paraId="1E832821" w14:textId="20E63E5B" w:rsidR="00905DE1" w:rsidRDefault="00905D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87635" w14:textId="77777777" w:rsidR="00905DE1" w:rsidRPr="00D45D45" w:rsidRDefault="00905D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4B24B3" w14:textId="77777777" w:rsidR="00905DE1" w:rsidRPr="00D45D45" w:rsidRDefault="00905DE1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378D3E" w14:textId="77777777" w:rsidR="00905DE1" w:rsidRPr="00D45D45" w:rsidRDefault="00905D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49F663C" w14:textId="77777777" w:rsidR="0026221D" w:rsidRDefault="0026221D" w:rsidP="00DE4EF8">
      <w:pPr>
        <w:spacing w:before="0" w:after="0" w:line="240" w:lineRule="auto"/>
      </w:pPr>
      <w:r>
        <w:separator/>
      </w:r>
    </w:p>
  </w:footnote>
  <w:footnote w:type="continuationSeparator" w:id="0">
    <w:p w14:paraId="7C9B2B8B" w14:textId="77777777" w:rsidR="0026221D" w:rsidRDefault="0026221D" w:rsidP="00DE4EF8">
      <w:pPr>
        <w:spacing w:before="0" w:after="0" w:line="240" w:lineRule="auto"/>
      </w:pPr>
      <w:r>
        <w:continuationSeparator/>
      </w:r>
    </w:p>
  </w:footnote>
  <w:footnote w:type="continuationNotice" w:id="1">
    <w:p w14:paraId="745B18E8" w14:textId="77777777" w:rsidR="0026221D" w:rsidRDefault="0026221D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B5F0A5" w14:textId="3C20B44E" w:rsidR="00905DE1" w:rsidRPr="00723CEF" w:rsidRDefault="00E038DF" w:rsidP="00BF455A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289" behindDoc="0" locked="0" layoutInCell="1" allowOverlap="1" wp14:anchorId="4DB1E7E1" wp14:editId="420B7FCA">
              <wp:simplePos x="0" y="0"/>
              <wp:positionH relativeFrom="page">
                <wp:posOffset>13855</wp:posOffset>
              </wp:positionH>
              <wp:positionV relativeFrom="paragraph">
                <wp:posOffset>-484736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8A1089C" id="Group 1" o:spid="_x0000_s1026" style="position:absolute;margin-left:1.1pt;margin-top:-38.15pt;width:220.9pt;height:126.3pt;z-index:251660289;mso-position-horizontal-relative:page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page"/>
            </v:group>
          </w:pict>
        </mc:Fallback>
      </mc:AlternateContent>
    </w:r>
    <w:r w:rsidR="00D05D49">
      <w:tab/>
    </w:r>
    <w:r w:rsidR="00D05D49">
      <w:tab/>
    </w:r>
    <w:r w:rsidR="00D05D49">
      <w:tab/>
    </w:r>
    <w:r w:rsidR="00D05D49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905DE1" w14:paraId="1E64D784" w14:textId="77777777" w:rsidTr="00AA7E64">
      <w:trPr>
        <w:trHeight w:val="141"/>
      </w:trPr>
      <w:tc>
        <w:tcPr>
          <w:tcW w:w="8505" w:type="dxa"/>
        </w:tcPr>
        <w:p w14:paraId="4C095DEB" w14:textId="5A05D32A" w:rsidR="00905DE1" w:rsidRPr="00D06D96" w:rsidRDefault="00000000" w:rsidP="00BF455A">
          <w:pPr>
            <w:pStyle w:val="Header"/>
          </w:pPr>
          <w:sdt>
            <w:sdtPr>
              <w:alias w:val="LogoType"/>
              <w:tag w:val="{&quot;templafy&quot;:{&quot;id&quot;:&quot;1715ec9b-168d-4cc5-8137-cc7150a93ec6&quot;}}"/>
              <w:id w:val="-1464422659"/>
              <w:placeholder>
                <w:docPart w:val="77BC2D728266410B84DDE76434D0ADAE"/>
              </w:placeholder>
            </w:sdtPr>
            <w:sdtContent>
              <w:r w:rsidR="007E5316">
                <w:t>BIM Toolkit</w:t>
              </w:r>
            </w:sdtContent>
          </w:sdt>
          <w:r w:rsidR="41655D9E">
            <w:t xml:space="preserve"> | </w:t>
          </w:r>
          <w:sdt>
            <w:sdtPr>
              <w:rPr>
                <w:vanish/>
              </w:rPr>
              <w:tag w:val="{&quot;templafy&quot;:{&quot;id&quot;:&quot;e3815f05-29ac-4d8f-bb8b-fcd263e3ace0&quot;}}"/>
              <w:id w:val="-729696296"/>
              <w:placeholder>
                <w:docPart w:val="77BC2D728266410B84DDE76434D0ADAE"/>
              </w:placeholder>
            </w:sdtPr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fb29b82-11da-47f2-8ac2-b79c1bceaeca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677C0E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11C3">
                <w:rPr>
                  <w:vanish/>
                </w:rPr>
                <w:t xml:space="preserve"> </w:t>
              </w:r>
              <w:r w:rsidR="00772B0F">
                <w:rPr>
                  <w:vanish/>
                </w:rPr>
                <w:t>|</w:t>
              </w:r>
              <w:r w:rsidR="00566B36">
                <w:rPr>
                  <w:vanish/>
                </w:rPr>
                <w:t xml:space="preserve"> </w:t>
              </w:r>
            </w:sdtContent>
          </w:sdt>
          <w:sdt>
            <w:sdtPr>
              <w:alias w:val="Document Title"/>
              <w:tag w:val="{&quot;templafy&quot;:{&quot;id&quot;:&quot;2bc001ee-7b1b-45f6-ab14-d197a7f29646&quot;}}"/>
              <w:id w:val="1110621418"/>
              <w:placeholder>
                <w:docPart w:val="E730BDFB73B04000827BBB75167E6A10"/>
              </w:placeholder>
            </w:sdtPr>
            <w:sdtContent>
              <w:r w:rsidR="00677C0E">
                <w:t xml:space="preserve"> </w:t>
              </w:r>
            </w:sdtContent>
          </w:sdt>
          <w:r w:rsidR="41655D9E">
            <w:t xml:space="preserve">Asset Information Requirements (AIR) </w:t>
          </w:r>
        </w:p>
      </w:tc>
    </w:tr>
    <w:tr w:rsidR="00905DE1" w14:paraId="0280DB36" w14:textId="77777777" w:rsidTr="00AA7E64">
      <w:trPr>
        <w:trHeight w:val="141"/>
      </w:trPr>
      <w:tc>
        <w:tcPr>
          <w:tcW w:w="8505" w:type="dxa"/>
        </w:tcPr>
        <w:p w14:paraId="1DAC9FF2" w14:textId="1AC78CFB" w:rsidR="00905DE1" w:rsidRPr="00717355" w:rsidRDefault="00000000" w:rsidP="00BF455A">
          <w:pPr>
            <w:pStyle w:val="Header"/>
          </w:pPr>
          <w:sdt>
            <w:sdtPr>
              <w:alias w:val="Document Subtitle"/>
              <w:tag w:val="{&quot;templafy&quot;:{&quot;id&quot;:&quot;cdbafe41-9ac4-4f7f-a291-f012ad85b041&quot;}}"/>
              <w:id w:val="1923443775"/>
              <w:placeholder>
                <w:docPart w:val="E6D736C562E8431595D6EBA31F3F5A8A"/>
              </w:placeholder>
            </w:sdtPr>
            <w:sdtContent>
              <w:r w:rsidR="00677C0E">
                <w:t xml:space="preserve"> </w:t>
              </w:r>
            </w:sdtContent>
          </w:sdt>
          <w:r w:rsidR="00530871">
            <w:t>Template</w:t>
          </w:r>
        </w:p>
      </w:tc>
    </w:tr>
    <w:tr w:rsidR="00D05D49" w14:paraId="39717E99" w14:textId="77777777" w:rsidTr="00AA7E64">
      <w:trPr>
        <w:trHeight w:val="141"/>
      </w:trPr>
      <w:tc>
        <w:tcPr>
          <w:tcW w:w="8505" w:type="dxa"/>
        </w:tcPr>
        <w:p w14:paraId="462FF908" w14:textId="6F8DC2A2" w:rsidR="00D05D49" w:rsidRDefault="00D05D49" w:rsidP="00BF455A">
          <w:pPr>
            <w:pStyle w:val="Header"/>
          </w:pPr>
        </w:p>
      </w:tc>
    </w:tr>
  </w:tbl>
  <w:p w14:paraId="2466675B" w14:textId="5D38440A" w:rsidR="00905DE1" w:rsidRPr="00D45D45" w:rsidRDefault="00905DE1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E2FF27" w14:textId="77777777" w:rsidR="00905DE1" w:rsidRDefault="00905DE1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C9536B" w:rsidRPr="005D6726" w14:paraId="4B1E0534" w14:textId="77777777" w:rsidTr="41655D9E">
      <w:tc>
        <w:tcPr>
          <w:tcW w:w="9027" w:type="dxa"/>
        </w:tcPr>
        <w:p w14:paraId="28F49C54" w14:textId="7C76110D" w:rsidR="00C9536B" w:rsidRPr="005D6726" w:rsidRDefault="00000000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-1870131990"/>
              <w:placeholder>
                <w:docPart w:val="1A91C1430C30416F9EF117EDE334BDCD"/>
              </w:placeholder>
            </w:sdtPr>
            <w:sdtContent>
              <w:r w:rsidR="00772197">
                <w:t>BIM Toolkit</w:t>
              </w:r>
            </w:sdtContent>
          </w:sdt>
          <w:r w:rsidR="00C9536B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1523774498"/>
              <w:placeholder>
                <w:docPart w:val="CB15B5B3D9D549A7936A8886F7331B1E"/>
              </w:placeholder>
            </w:sdtPr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677C0E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C9536B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835371759"/>
              <w:placeholder>
                <w:docPart w:val="48EB348F30864288B3D2E6AEB5747ED6"/>
              </w:placeholder>
            </w:sdtPr>
            <w:sdtContent>
              <w:r w:rsidR="00677C0E">
                <w:t xml:space="preserve"> </w:t>
              </w:r>
              <w:r w:rsidR="00772197">
                <w:t>Asset Information Requirements (AIR)</w:t>
              </w:r>
            </w:sdtContent>
          </w:sdt>
        </w:p>
      </w:tc>
    </w:tr>
    <w:tr w:rsidR="00147611" w:rsidRPr="005D6726" w14:paraId="5F4F2F1B" w14:textId="77777777" w:rsidTr="41655D9E">
      <w:tc>
        <w:tcPr>
          <w:tcW w:w="9027" w:type="dxa"/>
        </w:tcPr>
        <w:p w14:paraId="59BA68B1" w14:textId="68C3D176" w:rsidR="00147611" w:rsidRPr="00EC4C7D" w:rsidRDefault="00000000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677C0E">
                <w:t xml:space="preserve"> </w:t>
              </w:r>
            </w:sdtContent>
          </w:sdt>
          <w:r w:rsidR="41655D9E">
            <w:t>Template</w:t>
          </w:r>
        </w:p>
      </w:tc>
    </w:tr>
  </w:tbl>
  <w:p w14:paraId="7BCF12B8" w14:textId="5252E4C1" w:rsidR="00905DE1" w:rsidRPr="005D6726" w:rsidRDefault="005E1666" w:rsidP="00BF455A">
    <w:pPr>
      <w:pStyle w:val="Spacer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927C729" wp14:editId="511EB2C1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4FA0126" w14:textId="77777777" w:rsidR="005E1666" w:rsidRPr="005E1666" w:rsidRDefault="005E1666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D6726">
                            <w:rPr>
                              <w:rStyle w:val="Pagenumber"/>
                            </w:rPr>
                            <w:fldChar w:fldCharType="begin"/>
                          </w:r>
                          <w:r w:rsidRPr="005D672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D6726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 w:rsidRPr="005D672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27C72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74FA0126" w14:textId="77777777" w:rsidR="005E1666" w:rsidRPr="005E1666" w:rsidRDefault="005E1666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D6726">
                      <w:rPr>
                        <w:rStyle w:val="Pagenumber"/>
                      </w:rPr>
                      <w:fldChar w:fldCharType="begin"/>
                    </w:r>
                    <w:r w:rsidRPr="005D6726">
                      <w:rPr>
                        <w:rStyle w:val="Pagenumber"/>
                      </w:rPr>
                      <w:instrText xml:space="preserve"> PAGE   </w:instrText>
                    </w:r>
                    <w:r w:rsidRPr="005D6726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 w:rsidRPr="005D672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B711B4" w:rsidRPr="005D6726" w14:paraId="0F414618" w14:textId="77777777" w:rsidTr="41655D9E">
      <w:tc>
        <w:tcPr>
          <w:tcW w:w="9027" w:type="dxa"/>
        </w:tcPr>
        <w:p w14:paraId="614AD7AF" w14:textId="41545697" w:rsidR="00B711B4" w:rsidRPr="005D6726" w:rsidRDefault="00000000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217789278"/>
              <w:placeholder>
                <w:docPart w:val="5CEE619733684F32AAA47470B30BC40D"/>
              </w:placeholder>
            </w:sdtPr>
            <w:sdtContent>
              <w:r w:rsidR="00B711B4">
                <w:t>BIM Toolkit</w:t>
              </w:r>
            </w:sdtContent>
          </w:sdt>
          <w:r w:rsidR="00B711B4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425661484"/>
              <w:placeholder>
                <w:docPart w:val="7F3A9C5BC66F488BAEA3CCAA5C81883B"/>
              </w:placeholder>
            </w:sdtPr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2147241144"/>
                  <w:placeholder>
                    <w:docPart w:val="7F3A9C5BC66F488BAEA3CCAA5C81883B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711B4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B711B4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1787342706"/>
              <w:placeholder>
                <w:docPart w:val="BC42A02028DF49E699A2823F0DCDDC03"/>
              </w:placeholder>
            </w:sdtPr>
            <w:sdtContent>
              <w:r w:rsidR="00B711B4">
                <w:t xml:space="preserve"> Asset Information Requirements (AIR)</w:t>
              </w:r>
            </w:sdtContent>
          </w:sdt>
        </w:p>
      </w:tc>
    </w:tr>
    <w:tr w:rsidR="00B711B4" w:rsidRPr="005D6726" w14:paraId="4146F58D" w14:textId="77777777" w:rsidTr="41655D9E">
      <w:tc>
        <w:tcPr>
          <w:tcW w:w="9027" w:type="dxa"/>
        </w:tcPr>
        <w:p w14:paraId="562AC150" w14:textId="56088CCD" w:rsidR="00B711B4" w:rsidRPr="00EC4C7D" w:rsidRDefault="00000000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-1108191049"/>
              <w:placeholder>
                <w:docPart w:val="6150BEE0BE8C4144AA1F056CB974E7FC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B711B4">
                <w:t xml:space="preserve"> </w:t>
              </w:r>
            </w:sdtContent>
          </w:sdt>
          <w:r w:rsidR="00B711B4">
            <w:t>Template</w:t>
          </w:r>
        </w:p>
      </w:tc>
    </w:tr>
  </w:tbl>
  <w:p w14:paraId="5A46F3BE" w14:textId="65700EBF" w:rsidR="00B711B4" w:rsidRPr="005D6726" w:rsidRDefault="00B711B4" w:rsidP="00BF455A">
    <w:pPr>
      <w:pStyle w:val="Spacer"/>
    </w:pPr>
    <w:r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69B06901" wp14:editId="16F2936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90F7460" w14:textId="77777777" w:rsidR="00B711B4" w:rsidRPr="005E1666" w:rsidRDefault="00B711B4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D6726">
                            <w:rPr>
                              <w:rStyle w:val="Pagenumber"/>
                            </w:rPr>
                            <w:fldChar w:fldCharType="begin"/>
                          </w:r>
                          <w:r w:rsidRPr="005D672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D6726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 w:rsidRPr="005D672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9B06901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3.65pt;margin-top:0;width:74.85pt;height:68.6pt;z-index:251658241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" filled="f" fillcolor="white [3201]" stroked="f" strokeweight=".5pt">
              <v:textbox inset="0,10mm,20mm,0">
                <w:txbxContent>
                  <w:p w14:paraId="590F7460" w14:textId="77777777" w:rsidR="00B711B4" w:rsidRPr="005E1666" w:rsidRDefault="00B711B4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D6726">
                      <w:rPr>
                        <w:rStyle w:val="Pagenumber"/>
                      </w:rPr>
                      <w:fldChar w:fldCharType="begin"/>
                    </w:r>
                    <w:r w:rsidRPr="005D6726">
                      <w:rPr>
                        <w:rStyle w:val="Pagenumber"/>
                      </w:rPr>
                      <w:instrText xml:space="preserve"> PAGE   </w:instrText>
                    </w:r>
                    <w:r w:rsidRPr="005D6726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 w:rsidRPr="005D672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multi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5" w15:restartNumberingAfterBreak="0">
    <w:nsid w:val="FFFFFF81"/>
    <w:multiLevelType w:val="multi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6" w15:restartNumberingAfterBreak="0">
    <w:nsid w:val="FFFFFF82"/>
    <w:multiLevelType w:val="multi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multi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253E0D5A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auto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auto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color w:val="auto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4F47D1"/>
    <w:multiLevelType w:val="multilevel"/>
    <w:tmpl w:val="E6640B70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Roman"/>
      <w:lvlText w:val="%2."/>
      <w:lvlJc w:val="righ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0D56E7B"/>
    <w:multiLevelType w:val="multilevel"/>
    <w:tmpl w:val="722EDD8C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CE76F6F"/>
    <w:multiLevelType w:val="hybridMultilevel"/>
    <w:tmpl w:val="8A9AAA7A"/>
    <w:lvl w:ilvl="0" w:tplc="D67037DE">
      <w:start w:val="16"/>
      <w:numFmt w:val="bullet"/>
      <w:lvlText w:val=""/>
      <w:lvlJc w:val="left"/>
      <w:pPr>
        <w:ind w:left="720" w:hanging="360"/>
      </w:pPr>
      <w:rPr>
        <w:rFonts w:ascii="Symbol" w:eastAsiaTheme="minorEastAsia" w:hAnsi="Symbol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2DDE5C4F"/>
    <w:multiLevelType w:val="hybridMultilevel"/>
    <w:tmpl w:val="ED1A7CF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7D34BBE6">
      <w:numFmt w:val="bullet"/>
      <w:lvlText w:val="•"/>
      <w:lvlJc w:val="left"/>
      <w:pPr>
        <w:ind w:left="1440" w:hanging="720"/>
      </w:pPr>
      <w:rPr>
        <w:rFonts w:ascii="Arial" w:eastAsia="Times New Roman" w:hAnsi="Arial" w:cs="Arial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38D0423A"/>
    <w:multiLevelType w:val="multilevel"/>
    <w:tmpl w:val="C63EEDDE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1" w15:restartNumberingAfterBreak="0">
    <w:nsid w:val="4A0744BE"/>
    <w:multiLevelType w:val="multilevel"/>
    <w:tmpl w:val="F7B0CBDA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auto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BB06A1A"/>
    <w:multiLevelType w:val="multilevel"/>
    <w:tmpl w:val="56A4557C"/>
    <w:lvl w:ilvl="0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5E8262FB"/>
    <w:multiLevelType w:val="multilevel"/>
    <w:tmpl w:val="30FC9948"/>
    <w:numStyleLink w:val="AppListStyle"/>
  </w:abstractNum>
  <w:abstractNum w:abstractNumId="24" w15:restartNumberingAfterBreak="0">
    <w:nsid w:val="63C37404"/>
    <w:multiLevelType w:val="multilevel"/>
    <w:tmpl w:val="3496A7B6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5" w15:restartNumberingAfterBreak="0">
    <w:nsid w:val="6C821031"/>
    <w:multiLevelType w:val="multilevel"/>
    <w:tmpl w:val="811220CE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rFonts w:hint="default"/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  <w:b/>
        <w:i w:val="0"/>
        <w:color w:val="auto"/>
        <w:sz w:val="2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rFonts w:hint="default"/>
        <w:b/>
        <w:bCs w:val="0"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6" w15:restartNumberingAfterBreak="0">
    <w:nsid w:val="6EE3444F"/>
    <w:multiLevelType w:val="multilevel"/>
    <w:tmpl w:val="9FC6082C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6EFD3BED"/>
    <w:multiLevelType w:val="multilevel"/>
    <w:tmpl w:val="835A8E3A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8" w15:restartNumberingAfterBreak="0">
    <w:nsid w:val="796A3518"/>
    <w:multiLevelType w:val="multilevel"/>
    <w:tmpl w:val="B09C02AA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auto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360672894">
    <w:abstractNumId w:val="22"/>
  </w:num>
  <w:num w:numId="2" w16cid:durableId="1352805292">
    <w:abstractNumId w:val="16"/>
  </w:num>
  <w:num w:numId="3" w16cid:durableId="697851097">
    <w:abstractNumId w:val="23"/>
  </w:num>
  <w:num w:numId="4" w16cid:durableId="1797212100">
    <w:abstractNumId w:val="21"/>
  </w:num>
  <w:num w:numId="5" w16cid:durableId="856187">
    <w:abstractNumId w:val="19"/>
  </w:num>
  <w:num w:numId="6" w16cid:durableId="11540034">
    <w:abstractNumId w:val="28"/>
  </w:num>
  <w:num w:numId="7" w16cid:durableId="1617828692">
    <w:abstractNumId w:val="20"/>
  </w:num>
  <w:num w:numId="8" w16cid:durableId="1787698349">
    <w:abstractNumId w:val="26"/>
  </w:num>
  <w:num w:numId="9" w16cid:durableId="197620393">
    <w:abstractNumId w:val="14"/>
  </w:num>
  <w:num w:numId="10" w16cid:durableId="311718927">
    <w:abstractNumId w:val="9"/>
  </w:num>
  <w:num w:numId="11" w16cid:durableId="65693001">
    <w:abstractNumId w:val="7"/>
  </w:num>
  <w:num w:numId="12" w16cid:durableId="1928878535">
    <w:abstractNumId w:val="6"/>
  </w:num>
  <w:num w:numId="13" w16cid:durableId="849683891">
    <w:abstractNumId w:val="5"/>
  </w:num>
  <w:num w:numId="14" w16cid:durableId="992681639">
    <w:abstractNumId w:val="4"/>
  </w:num>
  <w:num w:numId="15" w16cid:durableId="1787650931">
    <w:abstractNumId w:val="8"/>
  </w:num>
  <w:num w:numId="16" w16cid:durableId="1901599828">
    <w:abstractNumId w:val="3"/>
  </w:num>
  <w:num w:numId="17" w16cid:durableId="877086088">
    <w:abstractNumId w:val="2"/>
  </w:num>
  <w:num w:numId="18" w16cid:durableId="97332381">
    <w:abstractNumId w:val="1"/>
  </w:num>
  <w:num w:numId="19" w16cid:durableId="359740153">
    <w:abstractNumId w:val="0"/>
  </w:num>
  <w:num w:numId="20" w16cid:durableId="879319291">
    <w:abstractNumId w:val="10"/>
  </w:num>
  <w:num w:numId="21" w16cid:durableId="411977795">
    <w:abstractNumId w:val="25"/>
  </w:num>
  <w:num w:numId="22" w16cid:durableId="150341918">
    <w:abstractNumId w:val="12"/>
  </w:num>
  <w:num w:numId="23" w16cid:durableId="1661929873">
    <w:abstractNumId w:val="12"/>
  </w:num>
  <w:num w:numId="24" w16cid:durableId="1426728827">
    <w:abstractNumId w:val="12"/>
  </w:num>
  <w:num w:numId="25" w16cid:durableId="1416854716">
    <w:abstractNumId w:val="26"/>
  </w:num>
  <w:num w:numId="26" w16cid:durableId="470948437">
    <w:abstractNumId w:val="26"/>
  </w:num>
  <w:num w:numId="27" w16cid:durableId="1116174811">
    <w:abstractNumId w:val="26"/>
  </w:num>
  <w:num w:numId="28" w16cid:durableId="876702520">
    <w:abstractNumId w:val="12"/>
  </w:num>
  <w:num w:numId="29" w16cid:durableId="275454858">
    <w:abstractNumId w:val="12"/>
  </w:num>
  <w:num w:numId="30" w16cid:durableId="926884158">
    <w:abstractNumId w:val="12"/>
  </w:num>
  <w:num w:numId="31" w16cid:durableId="912619210">
    <w:abstractNumId w:val="27"/>
    <w:lvlOverride w:ilvl="0">
      <w:startOverride w:val="1"/>
    </w:lvlOverride>
  </w:num>
  <w:num w:numId="32" w16cid:durableId="573202388">
    <w:abstractNumId w:val="24"/>
    <w:lvlOverride w:ilvl="0">
      <w:startOverride w:val="1"/>
    </w:lvlOverride>
  </w:num>
  <w:num w:numId="33" w16cid:durableId="72509044">
    <w:abstractNumId w:val="17"/>
    <w:lvlOverride w:ilvl="0">
      <w:startOverride w:val="1"/>
    </w:lvlOverride>
  </w:num>
  <w:num w:numId="34" w16cid:durableId="622004849">
    <w:abstractNumId w:val="11"/>
    <w:lvlOverride w:ilvl="0">
      <w:startOverride w:val="1"/>
    </w:lvlOverride>
  </w:num>
  <w:num w:numId="35" w16cid:durableId="1069812344">
    <w:abstractNumId w:val="11"/>
    <w:lvlOverride w:ilvl="0"/>
    <w:lvlOverride w:ilvl="1">
      <w:startOverride w:val="1"/>
    </w:lvlOverride>
  </w:num>
  <w:num w:numId="36" w16cid:durableId="2095465684">
    <w:abstractNumId w:val="11"/>
    <w:lvlOverride w:ilvl="0"/>
    <w:lvlOverride w:ilvl="1">
      <w:startOverride w:val="1"/>
    </w:lvlOverride>
  </w:num>
  <w:num w:numId="37" w16cid:durableId="813370293">
    <w:abstractNumId w:val="11"/>
    <w:lvlOverride w:ilvl="0"/>
    <w:lvlOverride w:ilvl="1">
      <w:startOverride w:val="1"/>
    </w:lvlOverride>
  </w:num>
  <w:num w:numId="38" w16cid:durableId="739988441">
    <w:abstractNumId w:val="11"/>
    <w:lvlOverride w:ilvl="0"/>
    <w:lvlOverride w:ilvl="1">
      <w:startOverride w:val="1"/>
    </w:lvlOverride>
  </w:num>
  <w:num w:numId="39" w16cid:durableId="293026598">
    <w:abstractNumId w:val="13"/>
  </w:num>
  <w:num w:numId="40" w16cid:durableId="1504854909">
    <w:abstractNumId w:val="18"/>
  </w:num>
  <w:num w:numId="41" w16cid:durableId="1067993446">
    <w:abstractNumId w:val="25"/>
    <w:lvlOverride w:ilvl="0">
      <w:lvl w:ilvl="0">
        <w:numFmt w:val="decimal"/>
        <w:pStyle w:val="Heading1"/>
        <w:lvlText w:val=""/>
        <w:lvlJc w:val="left"/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tabs>
            <w:tab w:val="num" w:pos="652"/>
          </w:tabs>
          <w:ind w:left="0" w:firstLine="0"/>
        </w:pPr>
        <w:rPr>
          <w:b/>
          <w:i w:val="0"/>
          <w:color w:val="auto"/>
          <w:sz w:val="22"/>
        </w:rPr>
      </w:lvl>
    </w:lvlOverride>
  </w:num>
  <w:num w:numId="42" w16cid:durableId="254556466">
    <w:abstractNumId w:val="11"/>
    <w:lvlOverride w:ilvl="0"/>
    <w:lvlOverride w:ilvl="1">
      <w:startOverride w:val="1"/>
    </w:lvlOverride>
  </w:num>
  <w:num w:numId="43" w16cid:durableId="1830053770">
    <w:abstractNumId w:val="11"/>
    <w:lvlOverride w:ilvl="0"/>
    <w:lvlOverride w:ilvl="1">
      <w:startOverride w:val="1"/>
    </w:lvlOverride>
  </w:num>
  <w:num w:numId="44" w16cid:durableId="828330830">
    <w:abstractNumId w:val="15"/>
  </w:num>
  <w:num w:numId="45" w16cid:durableId="731080659">
    <w:abstractNumId w:val="25"/>
    <w:lvlOverride w:ilvl="0">
      <w:startOverride w:val="2"/>
    </w:lvlOverride>
    <w:lvlOverride w:ilvl="1">
      <w:startOverride w:val="2"/>
    </w:lvlOverride>
    <w:lvlOverride w:ilvl="2">
      <w:startOverride w:val="3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753"/>
    <w:rsid w:val="00001134"/>
    <w:rsid w:val="00006231"/>
    <w:rsid w:val="00010ED2"/>
    <w:rsid w:val="000121EC"/>
    <w:rsid w:val="00012FEA"/>
    <w:rsid w:val="00013143"/>
    <w:rsid w:val="00017138"/>
    <w:rsid w:val="00020E14"/>
    <w:rsid w:val="0002152B"/>
    <w:rsid w:val="000220AD"/>
    <w:rsid w:val="000230B2"/>
    <w:rsid w:val="00026FBD"/>
    <w:rsid w:val="00027AE3"/>
    <w:rsid w:val="00030F6C"/>
    <w:rsid w:val="00032C0F"/>
    <w:rsid w:val="00036F1C"/>
    <w:rsid w:val="0004012C"/>
    <w:rsid w:val="00043240"/>
    <w:rsid w:val="00043B80"/>
    <w:rsid w:val="000447E9"/>
    <w:rsid w:val="000455ED"/>
    <w:rsid w:val="00053524"/>
    <w:rsid w:val="00054160"/>
    <w:rsid w:val="00055BAB"/>
    <w:rsid w:val="00055C17"/>
    <w:rsid w:val="00056702"/>
    <w:rsid w:val="00056C0E"/>
    <w:rsid w:val="00061547"/>
    <w:rsid w:val="00061FC8"/>
    <w:rsid w:val="0006288D"/>
    <w:rsid w:val="0006647C"/>
    <w:rsid w:val="00066BB8"/>
    <w:rsid w:val="00067904"/>
    <w:rsid w:val="00071259"/>
    <w:rsid w:val="00073732"/>
    <w:rsid w:val="00075C49"/>
    <w:rsid w:val="000760CB"/>
    <w:rsid w:val="0008292B"/>
    <w:rsid w:val="00082C50"/>
    <w:rsid w:val="00082F87"/>
    <w:rsid w:val="000832A7"/>
    <w:rsid w:val="000845BA"/>
    <w:rsid w:val="00087A17"/>
    <w:rsid w:val="00091002"/>
    <w:rsid w:val="00093762"/>
    <w:rsid w:val="0009791C"/>
    <w:rsid w:val="00097998"/>
    <w:rsid w:val="00097F58"/>
    <w:rsid w:val="000A3721"/>
    <w:rsid w:val="000A3ACA"/>
    <w:rsid w:val="000A3B34"/>
    <w:rsid w:val="000A5025"/>
    <w:rsid w:val="000A7F42"/>
    <w:rsid w:val="000B0D7E"/>
    <w:rsid w:val="000B11B2"/>
    <w:rsid w:val="000B3CCA"/>
    <w:rsid w:val="000B54AF"/>
    <w:rsid w:val="000B57A6"/>
    <w:rsid w:val="000B7B98"/>
    <w:rsid w:val="000C00B6"/>
    <w:rsid w:val="000C08E7"/>
    <w:rsid w:val="000C1620"/>
    <w:rsid w:val="000C3168"/>
    <w:rsid w:val="000C3765"/>
    <w:rsid w:val="000C4096"/>
    <w:rsid w:val="000C6247"/>
    <w:rsid w:val="000D01B8"/>
    <w:rsid w:val="000E316F"/>
    <w:rsid w:val="000E6A68"/>
    <w:rsid w:val="000E6F39"/>
    <w:rsid w:val="000E79C4"/>
    <w:rsid w:val="000F12B6"/>
    <w:rsid w:val="000F2A43"/>
    <w:rsid w:val="000F45D9"/>
    <w:rsid w:val="000F49EB"/>
    <w:rsid w:val="000F50B9"/>
    <w:rsid w:val="000F51B1"/>
    <w:rsid w:val="000F7523"/>
    <w:rsid w:val="000F7766"/>
    <w:rsid w:val="00100826"/>
    <w:rsid w:val="0010088B"/>
    <w:rsid w:val="00101283"/>
    <w:rsid w:val="00102310"/>
    <w:rsid w:val="00102FFF"/>
    <w:rsid w:val="00105F64"/>
    <w:rsid w:val="001063B0"/>
    <w:rsid w:val="001068B7"/>
    <w:rsid w:val="00106F5E"/>
    <w:rsid w:val="00113987"/>
    <w:rsid w:val="001236EB"/>
    <w:rsid w:val="00123B36"/>
    <w:rsid w:val="00124022"/>
    <w:rsid w:val="00124389"/>
    <w:rsid w:val="00124B1F"/>
    <w:rsid w:val="00125BC8"/>
    <w:rsid w:val="00132A94"/>
    <w:rsid w:val="00133A0B"/>
    <w:rsid w:val="0013431A"/>
    <w:rsid w:val="00134CC3"/>
    <w:rsid w:val="00136970"/>
    <w:rsid w:val="001434C7"/>
    <w:rsid w:val="00143C49"/>
    <w:rsid w:val="00147611"/>
    <w:rsid w:val="001513FD"/>
    <w:rsid w:val="00153516"/>
    <w:rsid w:val="0015423D"/>
    <w:rsid w:val="00154B22"/>
    <w:rsid w:val="00155238"/>
    <w:rsid w:val="0015746F"/>
    <w:rsid w:val="001579EA"/>
    <w:rsid w:val="00161037"/>
    <w:rsid w:val="001613F9"/>
    <w:rsid w:val="00165E3F"/>
    <w:rsid w:val="0016625C"/>
    <w:rsid w:val="001678E3"/>
    <w:rsid w:val="00170399"/>
    <w:rsid w:val="00171439"/>
    <w:rsid w:val="00172695"/>
    <w:rsid w:val="00181F2A"/>
    <w:rsid w:val="00182CDC"/>
    <w:rsid w:val="00182E79"/>
    <w:rsid w:val="00186676"/>
    <w:rsid w:val="00186D3C"/>
    <w:rsid w:val="001878A2"/>
    <w:rsid w:val="001904A3"/>
    <w:rsid w:val="00191484"/>
    <w:rsid w:val="00192B34"/>
    <w:rsid w:val="001933A2"/>
    <w:rsid w:val="001963ED"/>
    <w:rsid w:val="001970B6"/>
    <w:rsid w:val="001978B3"/>
    <w:rsid w:val="00197E43"/>
    <w:rsid w:val="001A02E9"/>
    <w:rsid w:val="001A0F66"/>
    <w:rsid w:val="001A12A0"/>
    <w:rsid w:val="001A1829"/>
    <w:rsid w:val="001A209A"/>
    <w:rsid w:val="001A397B"/>
    <w:rsid w:val="001A6284"/>
    <w:rsid w:val="001A6E47"/>
    <w:rsid w:val="001A77B9"/>
    <w:rsid w:val="001B0B5C"/>
    <w:rsid w:val="001B1F99"/>
    <w:rsid w:val="001B25DA"/>
    <w:rsid w:val="001B294E"/>
    <w:rsid w:val="001B4C19"/>
    <w:rsid w:val="001B704A"/>
    <w:rsid w:val="001C0EE4"/>
    <w:rsid w:val="001C4326"/>
    <w:rsid w:val="001C565C"/>
    <w:rsid w:val="001C59D3"/>
    <w:rsid w:val="001C650E"/>
    <w:rsid w:val="001C7FE8"/>
    <w:rsid w:val="001D0EA5"/>
    <w:rsid w:val="001D16A4"/>
    <w:rsid w:val="001D2277"/>
    <w:rsid w:val="001D3358"/>
    <w:rsid w:val="001D50C4"/>
    <w:rsid w:val="001D58FA"/>
    <w:rsid w:val="001D6E9B"/>
    <w:rsid w:val="001E07C2"/>
    <w:rsid w:val="001E4C54"/>
    <w:rsid w:val="001E63E5"/>
    <w:rsid w:val="001E6613"/>
    <w:rsid w:val="001E6C3E"/>
    <w:rsid w:val="001F375B"/>
    <w:rsid w:val="0020106E"/>
    <w:rsid w:val="002021D2"/>
    <w:rsid w:val="0020520C"/>
    <w:rsid w:val="00205386"/>
    <w:rsid w:val="002071F8"/>
    <w:rsid w:val="0021220C"/>
    <w:rsid w:val="002129E2"/>
    <w:rsid w:val="00213256"/>
    <w:rsid w:val="00213341"/>
    <w:rsid w:val="00216683"/>
    <w:rsid w:val="0021688E"/>
    <w:rsid w:val="002174E9"/>
    <w:rsid w:val="0022000F"/>
    <w:rsid w:val="0022202A"/>
    <w:rsid w:val="00223DA1"/>
    <w:rsid w:val="002240F8"/>
    <w:rsid w:val="0022628C"/>
    <w:rsid w:val="00227ECD"/>
    <w:rsid w:val="00231305"/>
    <w:rsid w:val="002343D1"/>
    <w:rsid w:val="0023532C"/>
    <w:rsid w:val="002402F7"/>
    <w:rsid w:val="0024193D"/>
    <w:rsid w:val="00241C31"/>
    <w:rsid w:val="00243777"/>
    <w:rsid w:val="0024499E"/>
    <w:rsid w:val="00247664"/>
    <w:rsid w:val="00252062"/>
    <w:rsid w:val="00253FFF"/>
    <w:rsid w:val="002563B6"/>
    <w:rsid w:val="00256D8E"/>
    <w:rsid w:val="00257FA0"/>
    <w:rsid w:val="00260A13"/>
    <w:rsid w:val="0026221D"/>
    <w:rsid w:val="0026292C"/>
    <w:rsid w:val="002631D7"/>
    <w:rsid w:val="002631F2"/>
    <w:rsid w:val="00263DB2"/>
    <w:rsid w:val="00265B08"/>
    <w:rsid w:val="002704A9"/>
    <w:rsid w:val="0027195C"/>
    <w:rsid w:val="002726A5"/>
    <w:rsid w:val="00275489"/>
    <w:rsid w:val="00277B56"/>
    <w:rsid w:val="00281253"/>
    <w:rsid w:val="0028176C"/>
    <w:rsid w:val="00282C90"/>
    <w:rsid w:val="0028377D"/>
    <w:rsid w:val="00286DEB"/>
    <w:rsid w:val="0029000E"/>
    <w:rsid w:val="00290792"/>
    <w:rsid w:val="002916DA"/>
    <w:rsid w:val="00294E4C"/>
    <w:rsid w:val="00295126"/>
    <w:rsid w:val="00296BFE"/>
    <w:rsid w:val="00297082"/>
    <w:rsid w:val="00297F02"/>
    <w:rsid w:val="002A01CE"/>
    <w:rsid w:val="002A51BA"/>
    <w:rsid w:val="002A5296"/>
    <w:rsid w:val="002A6971"/>
    <w:rsid w:val="002B11F5"/>
    <w:rsid w:val="002B387B"/>
    <w:rsid w:val="002C08E2"/>
    <w:rsid w:val="002C091A"/>
    <w:rsid w:val="002C2B2D"/>
    <w:rsid w:val="002C2E22"/>
    <w:rsid w:val="002C4A76"/>
    <w:rsid w:val="002C5C2E"/>
    <w:rsid w:val="002C612C"/>
    <w:rsid w:val="002C7946"/>
    <w:rsid w:val="002D0E43"/>
    <w:rsid w:val="002D1B4C"/>
    <w:rsid w:val="002D1D76"/>
    <w:rsid w:val="002D226C"/>
    <w:rsid w:val="002D396A"/>
    <w:rsid w:val="002D3C8D"/>
    <w:rsid w:val="002D5A40"/>
    <w:rsid w:val="002E0062"/>
    <w:rsid w:val="002E2086"/>
    <w:rsid w:val="002E40B8"/>
    <w:rsid w:val="002E4752"/>
    <w:rsid w:val="002E70D9"/>
    <w:rsid w:val="002E7474"/>
    <w:rsid w:val="002E782B"/>
    <w:rsid w:val="002E7DBA"/>
    <w:rsid w:val="002F26E6"/>
    <w:rsid w:val="002F3AF4"/>
    <w:rsid w:val="002F47EA"/>
    <w:rsid w:val="002F47F9"/>
    <w:rsid w:val="002F4AE3"/>
    <w:rsid w:val="002F4C93"/>
    <w:rsid w:val="002F6D17"/>
    <w:rsid w:val="002F7373"/>
    <w:rsid w:val="00301ABD"/>
    <w:rsid w:val="00302ECA"/>
    <w:rsid w:val="003075F9"/>
    <w:rsid w:val="003076C0"/>
    <w:rsid w:val="00307822"/>
    <w:rsid w:val="00310F7A"/>
    <w:rsid w:val="00311D31"/>
    <w:rsid w:val="0031291D"/>
    <w:rsid w:val="00312E41"/>
    <w:rsid w:val="0031466A"/>
    <w:rsid w:val="0031608E"/>
    <w:rsid w:val="0031618C"/>
    <w:rsid w:val="00316309"/>
    <w:rsid w:val="00317151"/>
    <w:rsid w:val="00317BD0"/>
    <w:rsid w:val="00322E08"/>
    <w:rsid w:val="0032426C"/>
    <w:rsid w:val="00324627"/>
    <w:rsid w:val="003248B7"/>
    <w:rsid w:val="0032520E"/>
    <w:rsid w:val="003255F3"/>
    <w:rsid w:val="00325A47"/>
    <w:rsid w:val="00325FD6"/>
    <w:rsid w:val="00326FB9"/>
    <w:rsid w:val="00330454"/>
    <w:rsid w:val="00334340"/>
    <w:rsid w:val="0033579E"/>
    <w:rsid w:val="00335BA6"/>
    <w:rsid w:val="00337F09"/>
    <w:rsid w:val="00340613"/>
    <w:rsid w:val="00343146"/>
    <w:rsid w:val="00343C43"/>
    <w:rsid w:val="0034524B"/>
    <w:rsid w:val="0034531D"/>
    <w:rsid w:val="00345479"/>
    <w:rsid w:val="00346244"/>
    <w:rsid w:val="0034683A"/>
    <w:rsid w:val="00350235"/>
    <w:rsid w:val="00351519"/>
    <w:rsid w:val="00351643"/>
    <w:rsid w:val="003547E9"/>
    <w:rsid w:val="00354BED"/>
    <w:rsid w:val="00355583"/>
    <w:rsid w:val="003556D8"/>
    <w:rsid w:val="00355898"/>
    <w:rsid w:val="003604C7"/>
    <w:rsid w:val="00360F5C"/>
    <w:rsid w:val="003632A7"/>
    <w:rsid w:val="0036336F"/>
    <w:rsid w:val="00364577"/>
    <w:rsid w:val="00364BD4"/>
    <w:rsid w:val="0036756A"/>
    <w:rsid w:val="003705E1"/>
    <w:rsid w:val="00371B37"/>
    <w:rsid w:val="00372A40"/>
    <w:rsid w:val="00373020"/>
    <w:rsid w:val="0037672A"/>
    <w:rsid w:val="0038027D"/>
    <w:rsid w:val="00380825"/>
    <w:rsid w:val="00380BF7"/>
    <w:rsid w:val="00382D3B"/>
    <w:rsid w:val="00383607"/>
    <w:rsid w:val="00390008"/>
    <w:rsid w:val="0039000D"/>
    <w:rsid w:val="00390635"/>
    <w:rsid w:val="00390B9F"/>
    <w:rsid w:val="003917CA"/>
    <w:rsid w:val="00395DBB"/>
    <w:rsid w:val="00395F74"/>
    <w:rsid w:val="003A01FA"/>
    <w:rsid w:val="003A09F8"/>
    <w:rsid w:val="003A1FDA"/>
    <w:rsid w:val="003A5601"/>
    <w:rsid w:val="003B359D"/>
    <w:rsid w:val="003B760A"/>
    <w:rsid w:val="003C12D8"/>
    <w:rsid w:val="003C2B65"/>
    <w:rsid w:val="003C4650"/>
    <w:rsid w:val="003C4F70"/>
    <w:rsid w:val="003C7751"/>
    <w:rsid w:val="003D042A"/>
    <w:rsid w:val="003D0AF8"/>
    <w:rsid w:val="003D3CF4"/>
    <w:rsid w:val="003D5663"/>
    <w:rsid w:val="003D77FF"/>
    <w:rsid w:val="003E0825"/>
    <w:rsid w:val="003E3219"/>
    <w:rsid w:val="003E7441"/>
    <w:rsid w:val="003F19BD"/>
    <w:rsid w:val="003F4A1F"/>
    <w:rsid w:val="003F68EA"/>
    <w:rsid w:val="003F7AEB"/>
    <w:rsid w:val="00403A35"/>
    <w:rsid w:val="00405035"/>
    <w:rsid w:val="004056FD"/>
    <w:rsid w:val="00405700"/>
    <w:rsid w:val="00407287"/>
    <w:rsid w:val="00410349"/>
    <w:rsid w:val="00411915"/>
    <w:rsid w:val="00413BC4"/>
    <w:rsid w:val="00413EDD"/>
    <w:rsid w:val="00414FF5"/>
    <w:rsid w:val="00416145"/>
    <w:rsid w:val="00420AB2"/>
    <w:rsid w:val="00421579"/>
    <w:rsid w:val="00424AEE"/>
    <w:rsid w:val="00424BAA"/>
    <w:rsid w:val="004252A4"/>
    <w:rsid w:val="0042795D"/>
    <w:rsid w:val="004308EB"/>
    <w:rsid w:val="00431B93"/>
    <w:rsid w:val="00432BD8"/>
    <w:rsid w:val="00433A92"/>
    <w:rsid w:val="004341F6"/>
    <w:rsid w:val="0043564D"/>
    <w:rsid w:val="00436E25"/>
    <w:rsid w:val="00437F3B"/>
    <w:rsid w:val="004401A8"/>
    <w:rsid w:val="0044083F"/>
    <w:rsid w:val="00443762"/>
    <w:rsid w:val="0044470D"/>
    <w:rsid w:val="00444A23"/>
    <w:rsid w:val="00445096"/>
    <w:rsid w:val="00445E23"/>
    <w:rsid w:val="00446415"/>
    <w:rsid w:val="00447685"/>
    <w:rsid w:val="00451EA3"/>
    <w:rsid w:val="00452DDC"/>
    <w:rsid w:val="00455690"/>
    <w:rsid w:val="004557A0"/>
    <w:rsid w:val="00455E81"/>
    <w:rsid w:val="004564E1"/>
    <w:rsid w:val="0046015D"/>
    <w:rsid w:val="00460D10"/>
    <w:rsid w:val="00461B0B"/>
    <w:rsid w:val="0046216F"/>
    <w:rsid w:val="00464E24"/>
    <w:rsid w:val="00466D3B"/>
    <w:rsid w:val="00470F92"/>
    <w:rsid w:val="00471DC1"/>
    <w:rsid w:val="004754FE"/>
    <w:rsid w:val="004757A1"/>
    <w:rsid w:val="00476917"/>
    <w:rsid w:val="00476CFF"/>
    <w:rsid w:val="00477CDC"/>
    <w:rsid w:val="00480556"/>
    <w:rsid w:val="00481635"/>
    <w:rsid w:val="004816EE"/>
    <w:rsid w:val="0048379D"/>
    <w:rsid w:val="004844B2"/>
    <w:rsid w:val="00492185"/>
    <w:rsid w:val="00493180"/>
    <w:rsid w:val="0049371B"/>
    <w:rsid w:val="00494615"/>
    <w:rsid w:val="00495583"/>
    <w:rsid w:val="0049671C"/>
    <w:rsid w:val="00497327"/>
    <w:rsid w:val="0049799B"/>
    <w:rsid w:val="004A2BA6"/>
    <w:rsid w:val="004A5608"/>
    <w:rsid w:val="004A64C4"/>
    <w:rsid w:val="004A65E5"/>
    <w:rsid w:val="004A6D97"/>
    <w:rsid w:val="004A78EF"/>
    <w:rsid w:val="004A7D71"/>
    <w:rsid w:val="004B02E2"/>
    <w:rsid w:val="004B0773"/>
    <w:rsid w:val="004B4F47"/>
    <w:rsid w:val="004B5721"/>
    <w:rsid w:val="004B73F0"/>
    <w:rsid w:val="004C573A"/>
    <w:rsid w:val="004C6522"/>
    <w:rsid w:val="004C6AA2"/>
    <w:rsid w:val="004D03C8"/>
    <w:rsid w:val="004D2726"/>
    <w:rsid w:val="004D274C"/>
    <w:rsid w:val="004D2D30"/>
    <w:rsid w:val="004D2E60"/>
    <w:rsid w:val="004D4E95"/>
    <w:rsid w:val="004D5FD8"/>
    <w:rsid w:val="004D6B7B"/>
    <w:rsid w:val="004E2893"/>
    <w:rsid w:val="004E2E7D"/>
    <w:rsid w:val="004E4397"/>
    <w:rsid w:val="004F3A29"/>
    <w:rsid w:val="005007E9"/>
    <w:rsid w:val="00504916"/>
    <w:rsid w:val="00505A5A"/>
    <w:rsid w:val="0050701B"/>
    <w:rsid w:val="00507D2A"/>
    <w:rsid w:val="00507E76"/>
    <w:rsid w:val="00510D0C"/>
    <w:rsid w:val="005118EC"/>
    <w:rsid w:val="0051351D"/>
    <w:rsid w:val="0051564E"/>
    <w:rsid w:val="0051628B"/>
    <w:rsid w:val="00516334"/>
    <w:rsid w:val="00516626"/>
    <w:rsid w:val="00517302"/>
    <w:rsid w:val="00520BE8"/>
    <w:rsid w:val="005219C6"/>
    <w:rsid w:val="00524AA5"/>
    <w:rsid w:val="005269F4"/>
    <w:rsid w:val="00530427"/>
    <w:rsid w:val="00530871"/>
    <w:rsid w:val="00534484"/>
    <w:rsid w:val="00546B71"/>
    <w:rsid w:val="0054740B"/>
    <w:rsid w:val="005479F3"/>
    <w:rsid w:val="00551580"/>
    <w:rsid w:val="005535B6"/>
    <w:rsid w:val="00553C72"/>
    <w:rsid w:val="00554239"/>
    <w:rsid w:val="0055449E"/>
    <w:rsid w:val="00556AAA"/>
    <w:rsid w:val="005574E7"/>
    <w:rsid w:val="005610DD"/>
    <w:rsid w:val="00563772"/>
    <w:rsid w:val="005639E4"/>
    <w:rsid w:val="00563BDC"/>
    <w:rsid w:val="005641AD"/>
    <w:rsid w:val="005656D0"/>
    <w:rsid w:val="00566396"/>
    <w:rsid w:val="00566B36"/>
    <w:rsid w:val="00567D3A"/>
    <w:rsid w:val="005718A5"/>
    <w:rsid w:val="00572927"/>
    <w:rsid w:val="00575A0E"/>
    <w:rsid w:val="00577C97"/>
    <w:rsid w:val="00577E27"/>
    <w:rsid w:val="0058129F"/>
    <w:rsid w:val="005813AA"/>
    <w:rsid w:val="00581E00"/>
    <w:rsid w:val="00585F45"/>
    <w:rsid w:val="00594397"/>
    <w:rsid w:val="005968E1"/>
    <w:rsid w:val="005A18B6"/>
    <w:rsid w:val="005A5195"/>
    <w:rsid w:val="005B3874"/>
    <w:rsid w:val="005B64A7"/>
    <w:rsid w:val="005B66BC"/>
    <w:rsid w:val="005B740E"/>
    <w:rsid w:val="005B7553"/>
    <w:rsid w:val="005C027D"/>
    <w:rsid w:val="005C129F"/>
    <w:rsid w:val="005C1AA0"/>
    <w:rsid w:val="005C2DB0"/>
    <w:rsid w:val="005C336A"/>
    <w:rsid w:val="005C3EC3"/>
    <w:rsid w:val="005C6263"/>
    <w:rsid w:val="005D100C"/>
    <w:rsid w:val="005D24FB"/>
    <w:rsid w:val="005D6CAA"/>
    <w:rsid w:val="005D769D"/>
    <w:rsid w:val="005E10E1"/>
    <w:rsid w:val="005E1666"/>
    <w:rsid w:val="005E26D4"/>
    <w:rsid w:val="005E610D"/>
    <w:rsid w:val="005E6C54"/>
    <w:rsid w:val="005E7EE3"/>
    <w:rsid w:val="005F1581"/>
    <w:rsid w:val="005F1759"/>
    <w:rsid w:val="005F3901"/>
    <w:rsid w:val="005F4132"/>
    <w:rsid w:val="005F56B0"/>
    <w:rsid w:val="005F602C"/>
    <w:rsid w:val="005F6A01"/>
    <w:rsid w:val="005F75A2"/>
    <w:rsid w:val="00600319"/>
    <w:rsid w:val="00603EC2"/>
    <w:rsid w:val="00605B94"/>
    <w:rsid w:val="006062CD"/>
    <w:rsid w:val="0060744D"/>
    <w:rsid w:val="006102C2"/>
    <w:rsid w:val="00610E7B"/>
    <w:rsid w:val="00610F59"/>
    <w:rsid w:val="006118AF"/>
    <w:rsid w:val="006125F2"/>
    <w:rsid w:val="00612F01"/>
    <w:rsid w:val="006157B3"/>
    <w:rsid w:val="00615BFE"/>
    <w:rsid w:val="00616A40"/>
    <w:rsid w:val="00617098"/>
    <w:rsid w:val="00617333"/>
    <w:rsid w:val="006179EF"/>
    <w:rsid w:val="006229BE"/>
    <w:rsid w:val="00623C75"/>
    <w:rsid w:val="00627D65"/>
    <w:rsid w:val="00631352"/>
    <w:rsid w:val="00634CFA"/>
    <w:rsid w:val="00635F74"/>
    <w:rsid w:val="006365F1"/>
    <w:rsid w:val="00640415"/>
    <w:rsid w:val="006407B1"/>
    <w:rsid w:val="006418E5"/>
    <w:rsid w:val="0064268B"/>
    <w:rsid w:val="00644763"/>
    <w:rsid w:val="0064685D"/>
    <w:rsid w:val="00647796"/>
    <w:rsid w:val="00650B9E"/>
    <w:rsid w:val="00655FFD"/>
    <w:rsid w:val="00662603"/>
    <w:rsid w:val="006639A0"/>
    <w:rsid w:val="006653C3"/>
    <w:rsid w:val="00665D51"/>
    <w:rsid w:val="00666355"/>
    <w:rsid w:val="0066772A"/>
    <w:rsid w:val="00667A12"/>
    <w:rsid w:val="00670030"/>
    <w:rsid w:val="00670329"/>
    <w:rsid w:val="00672197"/>
    <w:rsid w:val="00674532"/>
    <w:rsid w:val="00676239"/>
    <w:rsid w:val="00677C0E"/>
    <w:rsid w:val="0068589F"/>
    <w:rsid w:val="00693B8F"/>
    <w:rsid w:val="00697E7A"/>
    <w:rsid w:val="006A22C5"/>
    <w:rsid w:val="006A26C6"/>
    <w:rsid w:val="006A2A32"/>
    <w:rsid w:val="006A3B72"/>
    <w:rsid w:val="006A460F"/>
    <w:rsid w:val="006A5400"/>
    <w:rsid w:val="006A7466"/>
    <w:rsid w:val="006A76CA"/>
    <w:rsid w:val="006B0A27"/>
    <w:rsid w:val="006B1B7F"/>
    <w:rsid w:val="006B20A3"/>
    <w:rsid w:val="006B5A8C"/>
    <w:rsid w:val="006B676D"/>
    <w:rsid w:val="006C026C"/>
    <w:rsid w:val="006C1876"/>
    <w:rsid w:val="006C2010"/>
    <w:rsid w:val="006C3EBB"/>
    <w:rsid w:val="006C693E"/>
    <w:rsid w:val="006C6A45"/>
    <w:rsid w:val="006D07A8"/>
    <w:rsid w:val="006D16E4"/>
    <w:rsid w:val="006D1981"/>
    <w:rsid w:val="006D1C6D"/>
    <w:rsid w:val="006D1CA6"/>
    <w:rsid w:val="006D3DD3"/>
    <w:rsid w:val="006D427D"/>
    <w:rsid w:val="006D52B1"/>
    <w:rsid w:val="006E19E6"/>
    <w:rsid w:val="006E2822"/>
    <w:rsid w:val="006E4A57"/>
    <w:rsid w:val="006E4EA2"/>
    <w:rsid w:val="006E5FCC"/>
    <w:rsid w:val="006E7AB6"/>
    <w:rsid w:val="006F2968"/>
    <w:rsid w:val="006F4615"/>
    <w:rsid w:val="006F7936"/>
    <w:rsid w:val="00702561"/>
    <w:rsid w:val="007025C5"/>
    <w:rsid w:val="00703150"/>
    <w:rsid w:val="00703CE0"/>
    <w:rsid w:val="007040C7"/>
    <w:rsid w:val="007054F7"/>
    <w:rsid w:val="007102A1"/>
    <w:rsid w:val="00714DCA"/>
    <w:rsid w:val="00715EED"/>
    <w:rsid w:val="007206F8"/>
    <w:rsid w:val="00721CCD"/>
    <w:rsid w:val="00723542"/>
    <w:rsid w:val="00724558"/>
    <w:rsid w:val="00726010"/>
    <w:rsid w:val="00736EF9"/>
    <w:rsid w:val="007454E2"/>
    <w:rsid w:val="00750503"/>
    <w:rsid w:val="00750A1F"/>
    <w:rsid w:val="00751B8F"/>
    <w:rsid w:val="00752B37"/>
    <w:rsid w:val="00757665"/>
    <w:rsid w:val="00757E5F"/>
    <w:rsid w:val="00760F1A"/>
    <w:rsid w:val="0076161F"/>
    <w:rsid w:val="007628F1"/>
    <w:rsid w:val="00763F1B"/>
    <w:rsid w:val="007649E9"/>
    <w:rsid w:val="00765E56"/>
    <w:rsid w:val="00766E1E"/>
    <w:rsid w:val="00770EDC"/>
    <w:rsid w:val="00771998"/>
    <w:rsid w:val="00772197"/>
    <w:rsid w:val="00772B0F"/>
    <w:rsid w:val="0077445D"/>
    <w:rsid w:val="00776310"/>
    <w:rsid w:val="007772DE"/>
    <w:rsid w:val="00780496"/>
    <w:rsid w:val="00782640"/>
    <w:rsid w:val="00783588"/>
    <w:rsid w:val="00783A04"/>
    <w:rsid w:val="007842B0"/>
    <w:rsid w:val="007855FD"/>
    <w:rsid w:val="0078748F"/>
    <w:rsid w:val="0079092C"/>
    <w:rsid w:val="00791F27"/>
    <w:rsid w:val="00792BB9"/>
    <w:rsid w:val="007945A9"/>
    <w:rsid w:val="0079772A"/>
    <w:rsid w:val="007A0E04"/>
    <w:rsid w:val="007A4582"/>
    <w:rsid w:val="007A4FD0"/>
    <w:rsid w:val="007A5AE7"/>
    <w:rsid w:val="007A65B7"/>
    <w:rsid w:val="007A6FA2"/>
    <w:rsid w:val="007A74BE"/>
    <w:rsid w:val="007A74F5"/>
    <w:rsid w:val="007B0108"/>
    <w:rsid w:val="007C1906"/>
    <w:rsid w:val="007C5E7E"/>
    <w:rsid w:val="007C64B0"/>
    <w:rsid w:val="007D180F"/>
    <w:rsid w:val="007D20A9"/>
    <w:rsid w:val="007D6ECB"/>
    <w:rsid w:val="007E4012"/>
    <w:rsid w:val="007E5316"/>
    <w:rsid w:val="007E55B4"/>
    <w:rsid w:val="007E6569"/>
    <w:rsid w:val="007E7BA2"/>
    <w:rsid w:val="007E7D77"/>
    <w:rsid w:val="007F11A9"/>
    <w:rsid w:val="007F13D0"/>
    <w:rsid w:val="007F3C41"/>
    <w:rsid w:val="007F56DC"/>
    <w:rsid w:val="007F5CAB"/>
    <w:rsid w:val="007F66FE"/>
    <w:rsid w:val="008014BC"/>
    <w:rsid w:val="008035D0"/>
    <w:rsid w:val="00804A50"/>
    <w:rsid w:val="00804F93"/>
    <w:rsid w:val="00805074"/>
    <w:rsid w:val="00805DF8"/>
    <w:rsid w:val="00806B2E"/>
    <w:rsid w:val="008077B7"/>
    <w:rsid w:val="008106B4"/>
    <w:rsid w:val="00810A1E"/>
    <w:rsid w:val="0082344E"/>
    <w:rsid w:val="00824C94"/>
    <w:rsid w:val="00830322"/>
    <w:rsid w:val="0083755C"/>
    <w:rsid w:val="00840D98"/>
    <w:rsid w:val="008414AE"/>
    <w:rsid w:val="00844442"/>
    <w:rsid w:val="008445A2"/>
    <w:rsid w:val="008514E3"/>
    <w:rsid w:val="00851B39"/>
    <w:rsid w:val="008527FA"/>
    <w:rsid w:val="00854E34"/>
    <w:rsid w:val="00856614"/>
    <w:rsid w:val="008572CF"/>
    <w:rsid w:val="008612BF"/>
    <w:rsid w:val="008624B1"/>
    <w:rsid w:val="00863728"/>
    <w:rsid w:val="00865DFF"/>
    <w:rsid w:val="008730AF"/>
    <w:rsid w:val="0087527E"/>
    <w:rsid w:val="008808F8"/>
    <w:rsid w:val="0088190F"/>
    <w:rsid w:val="00881FE2"/>
    <w:rsid w:val="008831FC"/>
    <w:rsid w:val="008841DD"/>
    <w:rsid w:val="00884AC3"/>
    <w:rsid w:val="008867CC"/>
    <w:rsid w:val="00886EA7"/>
    <w:rsid w:val="008900AC"/>
    <w:rsid w:val="0089034E"/>
    <w:rsid w:val="00890382"/>
    <w:rsid w:val="00890462"/>
    <w:rsid w:val="00890D7F"/>
    <w:rsid w:val="00892DE7"/>
    <w:rsid w:val="008959F3"/>
    <w:rsid w:val="008A004B"/>
    <w:rsid w:val="008A2C9E"/>
    <w:rsid w:val="008A5148"/>
    <w:rsid w:val="008A6B49"/>
    <w:rsid w:val="008B0C6E"/>
    <w:rsid w:val="008B1F8B"/>
    <w:rsid w:val="008B27DA"/>
    <w:rsid w:val="008B2BC4"/>
    <w:rsid w:val="008B2E9A"/>
    <w:rsid w:val="008B3639"/>
    <w:rsid w:val="008B3F3E"/>
    <w:rsid w:val="008B4E37"/>
    <w:rsid w:val="008B5E24"/>
    <w:rsid w:val="008C1139"/>
    <w:rsid w:val="008C14C7"/>
    <w:rsid w:val="008C1644"/>
    <w:rsid w:val="008C1A25"/>
    <w:rsid w:val="008C6672"/>
    <w:rsid w:val="008C6689"/>
    <w:rsid w:val="008C6DE9"/>
    <w:rsid w:val="008D0A67"/>
    <w:rsid w:val="008D21B2"/>
    <w:rsid w:val="008D2451"/>
    <w:rsid w:val="008D3E4B"/>
    <w:rsid w:val="008D4200"/>
    <w:rsid w:val="008E79EB"/>
    <w:rsid w:val="008F2E74"/>
    <w:rsid w:val="008F3FFD"/>
    <w:rsid w:val="008F50A3"/>
    <w:rsid w:val="008F5A2C"/>
    <w:rsid w:val="008F642B"/>
    <w:rsid w:val="008F6AA7"/>
    <w:rsid w:val="009008F5"/>
    <w:rsid w:val="009021A5"/>
    <w:rsid w:val="009022E9"/>
    <w:rsid w:val="00905CA9"/>
    <w:rsid w:val="00905DE1"/>
    <w:rsid w:val="00910906"/>
    <w:rsid w:val="009125EF"/>
    <w:rsid w:val="0091476C"/>
    <w:rsid w:val="00915383"/>
    <w:rsid w:val="009178D1"/>
    <w:rsid w:val="00920A85"/>
    <w:rsid w:val="00927181"/>
    <w:rsid w:val="00930CC3"/>
    <w:rsid w:val="00932536"/>
    <w:rsid w:val="00934D36"/>
    <w:rsid w:val="0094056B"/>
    <w:rsid w:val="00940843"/>
    <w:rsid w:val="0094205B"/>
    <w:rsid w:val="009447C5"/>
    <w:rsid w:val="00947673"/>
    <w:rsid w:val="00947ACC"/>
    <w:rsid w:val="00947D71"/>
    <w:rsid w:val="00947FAC"/>
    <w:rsid w:val="00950974"/>
    <w:rsid w:val="009548E8"/>
    <w:rsid w:val="00954D5D"/>
    <w:rsid w:val="009579B9"/>
    <w:rsid w:val="009639FC"/>
    <w:rsid w:val="00963E2E"/>
    <w:rsid w:val="00967137"/>
    <w:rsid w:val="009759FD"/>
    <w:rsid w:val="00977574"/>
    <w:rsid w:val="0098080C"/>
    <w:rsid w:val="0098083E"/>
    <w:rsid w:val="00981129"/>
    <w:rsid w:val="009839FB"/>
    <w:rsid w:val="00983BFD"/>
    <w:rsid w:val="00985F34"/>
    <w:rsid w:val="009907C8"/>
    <w:rsid w:val="00990ECD"/>
    <w:rsid w:val="00992C1B"/>
    <w:rsid w:val="00992C6A"/>
    <w:rsid w:val="0099395D"/>
    <w:rsid w:val="00993EEF"/>
    <w:rsid w:val="00995AC8"/>
    <w:rsid w:val="0099728C"/>
    <w:rsid w:val="0099770F"/>
    <w:rsid w:val="00997FC7"/>
    <w:rsid w:val="009A0170"/>
    <w:rsid w:val="009A0250"/>
    <w:rsid w:val="009A1EE7"/>
    <w:rsid w:val="009A1F0B"/>
    <w:rsid w:val="009A2C59"/>
    <w:rsid w:val="009A3020"/>
    <w:rsid w:val="009A426D"/>
    <w:rsid w:val="009A4535"/>
    <w:rsid w:val="009A4EE5"/>
    <w:rsid w:val="009A50B2"/>
    <w:rsid w:val="009B4E9A"/>
    <w:rsid w:val="009C0113"/>
    <w:rsid w:val="009C045D"/>
    <w:rsid w:val="009C09CF"/>
    <w:rsid w:val="009C0B57"/>
    <w:rsid w:val="009C0D5C"/>
    <w:rsid w:val="009C1789"/>
    <w:rsid w:val="009D5ACE"/>
    <w:rsid w:val="009E171A"/>
    <w:rsid w:val="009E2D03"/>
    <w:rsid w:val="009E44B7"/>
    <w:rsid w:val="009E55FD"/>
    <w:rsid w:val="009E6017"/>
    <w:rsid w:val="009E72A6"/>
    <w:rsid w:val="009F03F3"/>
    <w:rsid w:val="009F1888"/>
    <w:rsid w:val="009F18F0"/>
    <w:rsid w:val="009F277E"/>
    <w:rsid w:val="009F547E"/>
    <w:rsid w:val="009F6A86"/>
    <w:rsid w:val="009F6C1D"/>
    <w:rsid w:val="009F74AB"/>
    <w:rsid w:val="00A009AF"/>
    <w:rsid w:val="00A00E34"/>
    <w:rsid w:val="00A012CE"/>
    <w:rsid w:val="00A031E6"/>
    <w:rsid w:val="00A03A7C"/>
    <w:rsid w:val="00A06944"/>
    <w:rsid w:val="00A06E82"/>
    <w:rsid w:val="00A07795"/>
    <w:rsid w:val="00A10F0B"/>
    <w:rsid w:val="00A114F7"/>
    <w:rsid w:val="00A12010"/>
    <w:rsid w:val="00A13234"/>
    <w:rsid w:val="00A17C57"/>
    <w:rsid w:val="00A20059"/>
    <w:rsid w:val="00A20F8E"/>
    <w:rsid w:val="00A21063"/>
    <w:rsid w:val="00A228E9"/>
    <w:rsid w:val="00A245B1"/>
    <w:rsid w:val="00A252AD"/>
    <w:rsid w:val="00A26DFB"/>
    <w:rsid w:val="00A27788"/>
    <w:rsid w:val="00A30E9F"/>
    <w:rsid w:val="00A32557"/>
    <w:rsid w:val="00A32693"/>
    <w:rsid w:val="00A338F8"/>
    <w:rsid w:val="00A34350"/>
    <w:rsid w:val="00A3613A"/>
    <w:rsid w:val="00A36AF1"/>
    <w:rsid w:val="00A3791E"/>
    <w:rsid w:val="00A403C1"/>
    <w:rsid w:val="00A403D9"/>
    <w:rsid w:val="00A434AB"/>
    <w:rsid w:val="00A436A1"/>
    <w:rsid w:val="00A4450A"/>
    <w:rsid w:val="00A50196"/>
    <w:rsid w:val="00A514E3"/>
    <w:rsid w:val="00A51BD9"/>
    <w:rsid w:val="00A5472E"/>
    <w:rsid w:val="00A603B8"/>
    <w:rsid w:val="00A625F0"/>
    <w:rsid w:val="00A6473F"/>
    <w:rsid w:val="00A70967"/>
    <w:rsid w:val="00A718AD"/>
    <w:rsid w:val="00A724D2"/>
    <w:rsid w:val="00A729F2"/>
    <w:rsid w:val="00A73C6F"/>
    <w:rsid w:val="00A7424B"/>
    <w:rsid w:val="00A754F3"/>
    <w:rsid w:val="00A76B79"/>
    <w:rsid w:val="00A77359"/>
    <w:rsid w:val="00A815E7"/>
    <w:rsid w:val="00A82A28"/>
    <w:rsid w:val="00A84B6D"/>
    <w:rsid w:val="00A85BAC"/>
    <w:rsid w:val="00A8620F"/>
    <w:rsid w:val="00A87232"/>
    <w:rsid w:val="00A90A1D"/>
    <w:rsid w:val="00A90C8D"/>
    <w:rsid w:val="00A92483"/>
    <w:rsid w:val="00A93847"/>
    <w:rsid w:val="00A94A18"/>
    <w:rsid w:val="00A96BD6"/>
    <w:rsid w:val="00A97B46"/>
    <w:rsid w:val="00AA2480"/>
    <w:rsid w:val="00AA2A73"/>
    <w:rsid w:val="00AA367E"/>
    <w:rsid w:val="00AA4A90"/>
    <w:rsid w:val="00AA4CF5"/>
    <w:rsid w:val="00AA5915"/>
    <w:rsid w:val="00AA7E64"/>
    <w:rsid w:val="00AB0122"/>
    <w:rsid w:val="00AB0A4E"/>
    <w:rsid w:val="00AB22EE"/>
    <w:rsid w:val="00AB254B"/>
    <w:rsid w:val="00AB3499"/>
    <w:rsid w:val="00AB4558"/>
    <w:rsid w:val="00AB6F19"/>
    <w:rsid w:val="00AC12E3"/>
    <w:rsid w:val="00AC2E67"/>
    <w:rsid w:val="00AC3CDE"/>
    <w:rsid w:val="00AC4FC2"/>
    <w:rsid w:val="00AC6275"/>
    <w:rsid w:val="00AD3614"/>
    <w:rsid w:val="00AD492B"/>
    <w:rsid w:val="00AD5800"/>
    <w:rsid w:val="00AD7E02"/>
    <w:rsid w:val="00AE0543"/>
    <w:rsid w:val="00AE6129"/>
    <w:rsid w:val="00AF1731"/>
    <w:rsid w:val="00AF2E45"/>
    <w:rsid w:val="00AF2F3C"/>
    <w:rsid w:val="00AF3B8F"/>
    <w:rsid w:val="00AF78C6"/>
    <w:rsid w:val="00B01157"/>
    <w:rsid w:val="00B016B1"/>
    <w:rsid w:val="00B0249E"/>
    <w:rsid w:val="00B072A1"/>
    <w:rsid w:val="00B0760E"/>
    <w:rsid w:val="00B07AC8"/>
    <w:rsid w:val="00B07AEE"/>
    <w:rsid w:val="00B07F8A"/>
    <w:rsid w:val="00B10D2F"/>
    <w:rsid w:val="00B1662C"/>
    <w:rsid w:val="00B20B63"/>
    <w:rsid w:val="00B20CE0"/>
    <w:rsid w:val="00B20E94"/>
    <w:rsid w:val="00B2164B"/>
    <w:rsid w:val="00B22E54"/>
    <w:rsid w:val="00B27910"/>
    <w:rsid w:val="00B338DF"/>
    <w:rsid w:val="00B33B43"/>
    <w:rsid w:val="00B40CF7"/>
    <w:rsid w:val="00B424E1"/>
    <w:rsid w:val="00B42D47"/>
    <w:rsid w:val="00B45C05"/>
    <w:rsid w:val="00B477BA"/>
    <w:rsid w:val="00B501D8"/>
    <w:rsid w:val="00B509B1"/>
    <w:rsid w:val="00B50B7A"/>
    <w:rsid w:val="00B55636"/>
    <w:rsid w:val="00B56FDB"/>
    <w:rsid w:val="00B57B44"/>
    <w:rsid w:val="00B57B54"/>
    <w:rsid w:val="00B57D15"/>
    <w:rsid w:val="00B61481"/>
    <w:rsid w:val="00B6398C"/>
    <w:rsid w:val="00B64F05"/>
    <w:rsid w:val="00B67804"/>
    <w:rsid w:val="00B711B4"/>
    <w:rsid w:val="00B71580"/>
    <w:rsid w:val="00B718F8"/>
    <w:rsid w:val="00B72DB8"/>
    <w:rsid w:val="00B74FA6"/>
    <w:rsid w:val="00B750C0"/>
    <w:rsid w:val="00B7510B"/>
    <w:rsid w:val="00B804A0"/>
    <w:rsid w:val="00B83F54"/>
    <w:rsid w:val="00B840C3"/>
    <w:rsid w:val="00B84234"/>
    <w:rsid w:val="00B842D4"/>
    <w:rsid w:val="00B86A78"/>
    <w:rsid w:val="00B879C5"/>
    <w:rsid w:val="00B90167"/>
    <w:rsid w:val="00B919E2"/>
    <w:rsid w:val="00B92B90"/>
    <w:rsid w:val="00B92F2B"/>
    <w:rsid w:val="00B9779A"/>
    <w:rsid w:val="00BA30B7"/>
    <w:rsid w:val="00BB139D"/>
    <w:rsid w:val="00BC11A3"/>
    <w:rsid w:val="00BC2F54"/>
    <w:rsid w:val="00BC4814"/>
    <w:rsid w:val="00BC5185"/>
    <w:rsid w:val="00BD0D4A"/>
    <w:rsid w:val="00BD18F1"/>
    <w:rsid w:val="00BD26B2"/>
    <w:rsid w:val="00BD39AA"/>
    <w:rsid w:val="00BD4879"/>
    <w:rsid w:val="00BE2F65"/>
    <w:rsid w:val="00BE6804"/>
    <w:rsid w:val="00BE6CFF"/>
    <w:rsid w:val="00BE7C10"/>
    <w:rsid w:val="00BF1313"/>
    <w:rsid w:val="00BF2711"/>
    <w:rsid w:val="00BF455A"/>
    <w:rsid w:val="00BF54C2"/>
    <w:rsid w:val="00BF6425"/>
    <w:rsid w:val="00BF699C"/>
    <w:rsid w:val="00BF6D13"/>
    <w:rsid w:val="00C0100F"/>
    <w:rsid w:val="00C0183E"/>
    <w:rsid w:val="00C02F65"/>
    <w:rsid w:val="00C033E4"/>
    <w:rsid w:val="00C04B4F"/>
    <w:rsid w:val="00C074D8"/>
    <w:rsid w:val="00C10A83"/>
    <w:rsid w:val="00C11675"/>
    <w:rsid w:val="00C11682"/>
    <w:rsid w:val="00C13458"/>
    <w:rsid w:val="00C13A70"/>
    <w:rsid w:val="00C13D2F"/>
    <w:rsid w:val="00C143E7"/>
    <w:rsid w:val="00C21C55"/>
    <w:rsid w:val="00C241D8"/>
    <w:rsid w:val="00C253C4"/>
    <w:rsid w:val="00C27B56"/>
    <w:rsid w:val="00C27BD0"/>
    <w:rsid w:val="00C30B8E"/>
    <w:rsid w:val="00C30BFE"/>
    <w:rsid w:val="00C346AD"/>
    <w:rsid w:val="00C35A16"/>
    <w:rsid w:val="00C35FD0"/>
    <w:rsid w:val="00C36DF5"/>
    <w:rsid w:val="00C4057F"/>
    <w:rsid w:val="00C40BD5"/>
    <w:rsid w:val="00C4235E"/>
    <w:rsid w:val="00C429FA"/>
    <w:rsid w:val="00C436E8"/>
    <w:rsid w:val="00C457B2"/>
    <w:rsid w:val="00C46E7B"/>
    <w:rsid w:val="00C47835"/>
    <w:rsid w:val="00C51F27"/>
    <w:rsid w:val="00C52769"/>
    <w:rsid w:val="00C54FE3"/>
    <w:rsid w:val="00C559E0"/>
    <w:rsid w:val="00C55A4E"/>
    <w:rsid w:val="00C560F5"/>
    <w:rsid w:val="00C63058"/>
    <w:rsid w:val="00C65033"/>
    <w:rsid w:val="00C65BD2"/>
    <w:rsid w:val="00C66105"/>
    <w:rsid w:val="00C750B5"/>
    <w:rsid w:val="00C76BA3"/>
    <w:rsid w:val="00C77AED"/>
    <w:rsid w:val="00C834B1"/>
    <w:rsid w:val="00C840AD"/>
    <w:rsid w:val="00C84179"/>
    <w:rsid w:val="00C849FD"/>
    <w:rsid w:val="00C853A0"/>
    <w:rsid w:val="00C85E19"/>
    <w:rsid w:val="00C86EC5"/>
    <w:rsid w:val="00C870C4"/>
    <w:rsid w:val="00C87C17"/>
    <w:rsid w:val="00C90231"/>
    <w:rsid w:val="00C92FC7"/>
    <w:rsid w:val="00C93C36"/>
    <w:rsid w:val="00C93D19"/>
    <w:rsid w:val="00C9522E"/>
    <w:rsid w:val="00C9536B"/>
    <w:rsid w:val="00C973F9"/>
    <w:rsid w:val="00C97E21"/>
    <w:rsid w:val="00CA0066"/>
    <w:rsid w:val="00CA01A1"/>
    <w:rsid w:val="00CA03FD"/>
    <w:rsid w:val="00CA1B3D"/>
    <w:rsid w:val="00CA307E"/>
    <w:rsid w:val="00CA4797"/>
    <w:rsid w:val="00CA610E"/>
    <w:rsid w:val="00CA6721"/>
    <w:rsid w:val="00CB04BD"/>
    <w:rsid w:val="00CB2506"/>
    <w:rsid w:val="00CB34FA"/>
    <w:rsid w:val="00CB4634"/>
    <w:rsid w:val="00CB7FD9"/>
    <w:rsid w:val="00CC066D"/>
    <w:rsid w:val="00CC1265"/>
    <w:rsid w:val="00CC3524"/>
    <w:rsid w:val="00CC4AAC"/>
    <w:rsid w:val="00CC60EF"/>
    <w:rsid w:val="00CC6725"/>
    <w:rsid w:val="00CC700D"/>
    <w:rsid w:val="00CC742C"/>
    <w:rsid w:val="00CD00A1"/>
    <w:rsid w:val="00CD157F"/>
    <w:rsid w:val="00CD1FD9"/>
    <w:rsid w:val="00CD6CEA"/>
    <w:rsid w:val="00CD6DB1"/>
    <w:rsid w:val="00CD6E8F"/>
    <w:rsid w:val="00CE170D"/>
    <w:rsid w:val="00CE178D"/>
    <w:rsid w:val="00CE3C5F"/>
    <w:rsid w:val="00CE3F71"/>
    <w:rsid w:val="00CF0794"/>
    <w:rsid w:val="00CF0A37"/>
    <w:rsid w:val="00CF153E"/>
    <w:rsid w:val="00CF1D68"/>
    <w:rsid w:val="00CF21DB"/>
    <w:rsid w:val="00CF3C2C"/>
    <w:rsid w:val="00CF3C94"/>
    <w:rsid w:val="00CF44C3"/>
    <w:rsid w:val="00CF4828"/>
    <w:rsid w:val="00CF4E59"/>
    <w:rsid w:val="00D00E98"/>
    <w:rsid w:val="00D04783"/>
    <w:rsid w:val="00D048AD"/>
    <w:rsid w:val="00D04C96"/>
    <w:rsid w:val="00D0531B"/>
    <w:rsid w:val="00D05CAB"/>
    <w:rsid w:val="00D05D49"/>
    <w:rsid w:val="00D06D96"/>
    <w:rsid w:val="00D105B0"/>
    <w:rsid w:val="00D11B6E"/>
    <w:rsid w:val="00D15030"/>
    <w:rsid w:val="00D15963"/>
    <w:rsid w:val="00D21CAF"/>
    <w:rsid w:val="00D25227"/>
    <w:rsid w:val="00D2715F"/>
    <w:rsid w:val="00D3113B"/>
    <w:rsid w:val="00D3220D"/>
    <w:rsid w:val="00D32871"/>
    <w:rsid w:val="00D33F11"/>
    <w:rsid w:val="00D3574A"/>
    <w:rsid w:val="00D36B99"/>
    <w:rsid w:val="00D401C7"/>
    <w:rsid w:val="00D40AA5"/>
    <w:rsid w:val="00D40F41"/>
    <w:rsid w:val="00D43329"/>
    <w:rsid w:val="00D44CD1"/>
    <w:rsid w:val="00D45B4D"/>
    <w:rsid w:val="00D46FB5"/>
    <w:rsid w:val="00D50BB2"/>
    <w:rsid w:val="00D51378"/>
    <w:rsid w:val="00D527D7"/>
    <w:rsid w:val="00D5286B"/>
    <w:rsid w:val="00D609A1"/>
    <w:rsid w:val="00D609CB"/>
    <w:rsid w:val="00D63736"/>
    <w:rsid w:val="00D643CB"/>
    <w:rsid w:val="00D6612B"/>
    <w:rsid w:val="00D66C95"/>
    <w:rsid w:val="00D66F55"/>
    <w:rsid w:val="00D71755"/>
    <w:rsid w:val="00D71B39"/>
    <w:rsid w:val="00D721CC"/>
    <w:rsid w:val="00D7345C"/>
    <w:rsid w:val="00D77F27"/>
    <w:rsid w:val="00D81A01"/>
    <w:rsid w:val="00D81F28"/>
    <w:rsid w:val="00D84856"/>
    <w:rsid w:val="00D84EAC"/>
    <w:rsid w:val="00D85145"/>
    <w:rsid w:val="00D856B5"/>
    <w:rsid w:val="00D867E5"/>
    <w:rsid w:val="00D86CEC"/>
    <w:rsid w:val="00D86E2A"/>
    <w:rsid w:val="00D87FD1"/>
    <w:rsid w:val="00D90506"/>
    <w:rsid w:val="00D959D9"/>
    <w:rsid w:val="00D97564"/>
    <w:rsid w:val="00D97CEB"/>
    <w:rsid w:val="00D97D85"/>
    <w:rsid w:val="00DA5FAB"/>
    <w:rsid w:val="00DA77BA"/>
    <w:rsid w:val="00DB0981"/>
    <w:rsid w:val="00DB236D"/>
    <w:rsid w:val="00DB2FA5"/>
    <w:rsid w:val="00DB4C1E"/>
    <w:rsid w:val="00DB6EC1"/>
    <w:rsid w:val="00DC17CD"/>
    <w:rsid w:val="00DC1B1A"/>
    <w:rsid w:val="00DC306D"/>
    <w:rsid w:val="00DC489B"/>
    <w:rsid w:val="00DC4C4E"/>
    <w:rsid w:val="00DC659A"/>
    <w:rsid w:val="00DC7D4F"/>
    <w:rsid w:val="00DD1382"/>
    <w:rsid w:val="00DD1951"/>
    <w:rsid w:val="00DD256D"/>
    <w:rsid w:val="00DD4398"/>
    <w:rsid w:val="00DE3089"/>
    <w:rsid w:val="00DE4EF8"/>
    <w:rsid w:val="00DE55AC"/>
    <w:rsid w:val="00DE7FD6"/>
    <w:rsid w:val="00DF1163"/>
    <w:rsid w:val="00E00C63"/>
    <w:rsid w:val="00E019AC"/>
    <w:rsid w:val="00E03530"/>
    <w:rsid w:val="00E038DF"/>
    <w:rsid w:val="00E054FE"/>
    <w:rsid w:val="00E13876"/>
    <w:rsid w:val="00E144CD"/>
    <w:rsid w:val="00E160FD"/>
    <w:rsid w:val="00E21FA5"/>
    <w:rsid w:val="00E2231A"/>
    <w:rsid w:val="00E2525F"/>
    <w:rsid w:val="00E25D20"/>
    <w:rsid w:val="00E267F2"/>
    <w:rsid w:val="00E26D1C"/>
    <w:rsid w:val="00E31464"/>
    <w:rsid w:val="00E363E4"/>
    <w:rsid w:val="00E4010C"/>
    <w:rsid w:val="00E47AD3"/>
    <w:rsid w:val="00E521FD"/>
    <w:rsid w:val="00E54800"/>
    <w:rsid w:val="00E564B1"/>
    <w:rsid w:val="00E5721B"/>
    <w:rsid w:val="00E57A8F"/>
    <w:rsid w:val="00E62CF0"/>
    <w:rsid w:val="00E62E7A"/>
    <w:rsid w:val="00E63396"/>
    <w:rsid w:val="00E648F8"/>
    <w:rsid w:val="00E65C4E"/>
    <w:rsid w:val="00E66108"/>
    <w:rsid w:val="00E6623B"/>
    <w:rsid w:val="00E66B20"/>
    <w:rsid w:val="00E677A1"/>
    <w:rsid w:val="00E70048"/>
    <w:rsid w:val="00E71702"/>
    <w:rsid w:val="00E73816"/>
    <w:rsid w:val="00E73C9E"/>
    <w:rsid w:val="00E73DAC"/>
    <w:rsid w:val="00E74B1C"/>
    <w:rsid w:val="00E753A0"/>
    <w:rsid w:val="00E76A8D"/>
    <w:rsid w:val="00E81E1A"/>
    <w:rsid w:val="00E834F1"/>
    <w:rsid w:val="00E909E4"/>
    <w:rsid w:val="00E92AC0"/>
    <w:rsid w:val="00E9587D"/>
    <w:rsid w:val="00EA511B"/>
    <w:rsid w:val="00EA5827"/>
    <w:rsid w:val="00EB0FB2"/>
    <w:rsid w:val="00EB13D4"/>
    <w:rsid w:val="00EB318E"/>
    <w:rsid w:val="00EB4B63"/>
    <w:rsid w:val="00EB50A8"/>
    <w:rsid w:val="00EB553F"/>
    <w:rsid w:val="00EC18A5"/>
    <w:rsid w:val="00EC2544"/>
    <w:rsid w:val="00EC3E6A"/>
    <w:rsid w:val="00EC4802"/>
    <w:rsid w:val="00EC534E"/>
    <w:rsid w:val="00EC54BC"/>
    <w:rsid w:val="00EC60EA"/>
    <w:rsid w:val="00ED0E15"/>
    <w:rsid w:val="00ED1B84"/>
    <w:rsid w:val="00ED21C8"/>
    <w:rsid w:val="00ED39CC"/>
    <w:rsid w:val="00ED4C11"/>
    <w:rsid w:val="00ED5464"/>
    <w:rsid w:val="00ED6CCC"/>
    <w:rsid w:val="00ED7D06"/>
    <w:rsid w:val="00EE047D"/>
    <w:rsid w:val="00EE10F6"/>
    <w:rsid w:val="00EE11C3"/>
    <w:rsid w:val="00EE5052"/>
    <w:rsid w:val="00EE554D"/>
    <w:rsid w:val="00EF1A7B"/>
    <w:rsid w:val="00EF4196"/>
    <w:rsid w:val="00EF4384"/>
    <w:rsid w:val="00EF4DBC"/>
    <w:rsid w:val="00EF75D6"/>
    <w:rsid w:val="00EF7ACF"/>
    <w:rsid w:val="00EF7CD6"/>
    <w:rsid w:val="00F01CE8"/>
    <w:rsid w:val="00F01D50"/>
    <w:rsid w:val="00F02D1B"/>
    <w:rsid w:val="00F04AEF"/>
    <w:rsid w:val="00F0614B"/>
    <w:rsid w:val="00F12212"/>
    <w:rsid w:val="00F13FC6"/>
    <w:rsid w:val="00F1659D"/>
    <w:rsid w:val="00F17090"/>
    <w:rsid w:val="00F17463"/>
    <w:rsid w:val="00F20114"/>
    <w:rsid w:val="00F212C6"/>
    <w:rsid w:val="00F230BD"/>
    <w:rsid w:val="00F238B6"/>
    <w:rsid w:val="00F24426"/>
    <w:rsid w:val="00F2572A"/>
    <w:rsid w:val="00F30C5D"/>
    <w:rsid w:val="00F31444"/>
    <w:rsid w:val="00F4128F"/>
    <w:rsid w:val="00F414D8"/>
    <w:rsid w:val="00F44B8F"/>
    <w:rsid w:val="00F45FEB"/>
    <w:rsid w:val="00F47891"/>
    <w:rsid w:val="00F47D54"/>
    <w:rsid w:val="00F51324"/>
    <w:rsid w:val="00F52022"/>
    <w:rsid w:val="00F55648"/>
    <w:rsid w:val="00F55691"/>
    <w:rsid w:val="00F574DE"/>
    <w:rsid w:val="00F614A3"/>
    <w:rsid w:val="00F63315"/>
    <w:rsid w:val="00F63FCD"/>
    <w:rsid w:val="00F66F02"/>
    <w:rsid w:val="00F70D3C"/>
    <w:rsid w:val="00F736CB"/>
    <w:rsid w:val="00F744DE"/>
    <w:rsid w:val="00F75676"/>
    <w:rsid w:val="00F7612C"/>
    <w:rsid w:val="00F80AFE"/>
    <w:rsid w:val="00F81373"/>
    <w:rsid w:val="00F83A9F"/>
    <w:rsid w:val="00F85978"/>
    <w:rsid w:val="00F85F8D"/>
    <w:rsid w:val="00F87F3D"/>
    <w:rsid w:val="00F90FB0"/>
    <w:rsid w:val="00F911B5"/>
    <w:rsid w:val="00F91E48"/>
    <w:rsid w:val="00F94685"/>
    <w:rsid w:val="00F95562"/>
    <w:rsid w:val="00F97893"/>
    <w:rsid w:val="00FA0D32"/>
    <w:rsid w:val="00FA1DB0"/>
    <w:rsid w:val="00FA24B0"/>
    <w:rsid w:val="00FA63C0"/>
    <w:rsid w:val="00FA6711"/>
    <w:rsid w:val="00FA68A1"/>
    <w:rsid w:val="00FA7014"/>
    <w:rsid w:val="00FB3327"/>
    <w:rsid w:val="00FB678C"/>
    <w:rsid w:val="00FB69AA"/>
    <w:rsid w:val="00FB6B78"/>
    <w:rsid w:val="00FB72CE"/>
    <w:rsid w:val="00FC08A1"/>
    <w:rsid w:val="00FC2692"/>
    <w:rsid w:val="00FC2DA3"/>
    <w:rsid w:val="00FC4574"/>
    <w:rsid w:val="00FC514D"/>
    <w:rsid w:val="00FC6415"/>
    <w:rsid w:val="00FD250E"/>
    <w:rsid w:val="00FD32DD"/>
    <w:rsid w:val="00FD3EAF"/>
    <w:rsid w:val="00FD761B"/>
    <w:rsid w:val="00FE0243"/>
    <w:rsid w:val="00FE098C"/>
    <w:rsid w:val="00FE13C2"/>
    <w:rsid w:val="00FE217D"/>
    <w:rsid w:val="00FE4C63"/>
    <w:rsid w:val="00FE5667"/>
    <w:rsid w:val="00FE64FB"/>
    <w:rsid w:val="00FF13C6"/>
    <w:rsid w:val="00FF1C27"/>
    <w:rsid w:val="00FF2777"/>
    <w:rsid w:val="00FF4A0D"/>
    <w:rsid w:val="00FF4F21"/>
    <w:rsid w:val="00FF5152"/>
    <w:rsid w:val="00FF6EEB"/>
    <w:rsid w:val="00FF7CFA"/>
    <w:rsid w:val="244C2FD1"/>
    <w:rsid w:val="41655D9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25E4666"/>
  <w15:chartTrackingRefBased/>
  <w15:docId w15:val="{147C7668-57C5-4273-A4AD-2BFA51939F5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471DC1"/>
    <w:pPr>
      <w:numPr>
        <w:ilvl w:val="1"/>
        <w:numId w:val="21"/>
      </w:numPr>
      <w:outlineLvl w:val="1"/>
    </w:pPr>
    <w:rPr>
      <w:rFonts w:ascii="Arial" w:hAnsi="Arial" w:cs="Arial"/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471DC1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471DC1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471DC1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471DC1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471DC1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471DC1"/>
    <w:pPr>
      <w:pageBreakBefore w:val="0"/>
      <w:spacing w:before="240" w:after="120"/>
    </w:pPr>
    <w:rPr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471DC1"/>
    <w:pPr>
      <w:spacing w:after="120"/>
    </w:pPr>
    <w:rPr>
      <w:color w:val="000000" w:themeColor="text1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471DC1"/>
    <w:pPr>
      <w:keepNext/>
      <w:keepLines/>
      <w:spacing w:before="240" w:after="0"/>
      <w:ind w:right="2835"/>
    </w:pPr>
    <w:rPr>
      <w:b/>
      <w:bCs/>
      <w:color w:val="000000" w:themeColor="text1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471DC1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471DC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471DC1"/>
    <w:rPr>
      <w:rFonts w:ascii="Arial" w:eastAsiaTheme="minorEastAsia" w:hAnsi="Arial" w:cs="Arial"/>
      <w:b/>
      <w:bCs/>
      <w:color w:val="000000" w:themeColor="text1"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471DC1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471DC1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471DC1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paragraph" w:customStyle="1" w:styleId="Bullet4">
    <w:name w:val="Bullet 4"/>
    <w:qFormat/>
    <w:rsid w:val="00445096"/>
    <w:pPr>
      <w:numPr>
        <w:numId w:val="40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table" w:customStyle="1" w:styleId="ToolkitTable">
    <w:name w:val="ToolkitTable"/>
    <w:basedOn w:val="TableNormal"/>
    <w:uiPriority w:val="99"/>
    <w:rsid w:val="008A004B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6" w:space="0" w:color="auto"/>
        <w:insideV w:val="single" w:sz="6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GT08-ParagraphText">
    <w:name w:val="_NGT_08 - Paragraph Text"/>
    <w:basedOn w:val="Normal"/>
    <w:link w:val="NGT08-ParagraphTextChar"/>
    <w:rsid w:val="008A004B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8A004B"/>
    <w:rPr>
      <w:rFonts w:ascii="Calibri" w:eastAsia="Times New Roman" w:hAnsi="Calibri" w:cs="Times New Roman"/>
      <w:sz w:val="22"/>
    </w:rPr>
  </w:style>
  <w:style w:type="character" w:customStyle="1" w:styleId="ListParagraphChar">
    <w:name w:val="List Paragraph Char"/>
    <w:link w:val="ListParagraph"/>
    <w:uiPriority w:val="34"/>
    <w:rsid w:val="009C09CF"/>
    <w:rPr>
      <w:rFonts w:eastAsiaTheme="minorEastAsia"/>
    </w:rPr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9C09CF"/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102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133797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75795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001872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image" Target="media/image4.jpe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footer" Target="foot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header" Target="header5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55837C2D1D64E7DBFBE5821A03F2D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BD47C5F-B53D-4CD9-84B7-21B40A500D52}"/>
      </w:docPartPr>
      <w:docPartBody>
        <w:p w:rsidR="00D45D2D" w:rsidRDefault="0020106E">
          <w:r w:rsidRPr="004C6AA2">
            <w:t>Contents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CEE619733684F32AAA47470B30BC40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A1B4E61-B624-4238-9788-853948BBCD20}"/>
      </w:docPartPr>
      <w:docPartBody>
        <w:p w:rsidR="007F0460" w:rsidRDefault="008A5C8A" w:rsidP="008A5C8A">
          <w:pPr>
            <w:pStyle w:val="5CEE619733684F32AAA47470B30BC40D"/>
          </w:pPr>
          <w:r w:rsidRPr="004C6AA2">
            <w:t>LogoType</w:t>
          </w:r>
        </w:p>
      </w:docPartBody>
    </w:docPart>
    <w:docPart>
      <w:docPartPr>
        <w:name w:val="7F3A9C5BC66F488BAEA3CCAA5C81883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6D2B79-D8AF-46C1-B6B2-7A75F8D5B765}"/>
      </w:docPartPr>
      <w:docPartBody>
        <w:p w:rsidR="007F0460" w:rsidRDefault="008A5C8A" w:rsidP="008A5C8A">
          <w:pPr>
            <w:pStyle w:val="7F3A9C5BC66F488BAEA3CCAA5C81883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C42A02028DF49E699A2823F0DCDDC0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D8BCD07-98FD-4991-ABB0-4BE51926A917}"/>
      </w:docPartPr>
      <w:docPartBody>
        <w:p w:rsidR="007F0460" w:rsidRDefault="008A5C8A" w:rsidP="008A5C8A">
          <w:pPr>
            <w:pStyle w:val="BC42A02028DF49E699A2823F0DCDDC03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150BEE0BE8C4144AA1F056CB974E7F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CDE0C6-90C8-4541-8F21-79A6C58BAF32}"/>
      </w:docPartPr>
      <w:docPartBody>
        <w:p w:rsidR="007F0460" w:rsidRDefault="008A5C8A" w:rsidP="008A5C8A">
          <w:pPr>
            <w:pStyle w:val="6150BEE0BE8C4144AA1F056CB974E7FC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14D004477B74B7D91B5BE781561EC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9E2F73-7908-496F-9B96-355A173DF034}"/>
      </w:docPartPr>
      <w:docPartBody>
        <w:p w:rsidR="00462E9D" w:rsidRDefault="006441FD" w:rsidP="006441FD">
          <w:pPr>
            <w:pStyle w:val="114D004477B74B7D91B5BE781561ECA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2E5FDB" w:rsidRDefault="002E5FDB">
      <w:pPr>
        <w:spacing w:after="0" w:line="240" w:lineRule="auto"/>
      </w:pPr>
      <w:r>
        <w:separator/>
      </w:r>
    </w:p>
  </w:endnote>
  <w:endnote w:type="continuationSeparator" w:id="0">
    <w:p w:rsidR="002E5FDB" w:rsidRDefault="002E5FDB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2E5FDB" w:rsidRDefault="002E5FDB">
      <w:pPr>
        <w:spacing w:after="0" w:line="240" w:lineRule="auto"/>
      </w:pPr>
      <w:r>
        <w:separator/>
      </w:r>
    </w:p>
  </w:footnote>
  <w:footnote w:type="continuationSeparator" w:id="0">
    <w:p w:rsidR="002E5FDB" w:rsidRDefault="002E5FDB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918906045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4E6E"/>
    <w:rsid w:val="000277A8"/>
    <w:rsid w:val="000441C2"/>
    <w:rsid w:val="000503B1"/>
    <w:rsid w:val="000528BA"/>
    <w:rsid w:val="00060620"/>
    <w:rsid w:val="00086897"/>
    <w:rsid w:val="00093AE8"/>
    <w:rsid w:val="000A1842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56705"/>
    <w:rsid w:val="00156E51"/>
    <w:rsid w:val="00157D17"/>
    <w:rsid w:val="001611A6"/>
    <w:rsid w:val="00164602"/>
    <w:rsid w:val="0017572B"/>
    <w:rsid w:val="00183E66"/>
    <w:rsid w:val="001905C5"/>
    <w:rsid w:val="00191669"/>
    <w:rsid w:val="00196DFD"/>
    <w:rsid w:val="001A7F72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73FD"/>
    <w:rsid w:val="002E4557"/>
    <w:rsid w:val="002E5FDB"/>
    <w:rsid w:val="002E6918"/>
    <w:rsid w:val="002F3539"/>
    <w:rsid w:val="002F6137"/>
    <w:rsid w:val="002F7461"/>
    <w:rsid w:val="00300F5B"/>
    <w:rsid w:val="00302AA0"/>
    <w:rsid w:val="00310001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70DED"/>
    <w:rsid w:val="00382E5D"/>
    <w:rsid w:val="00390635"/>
    <w:rsid w:val="0039634B"/>
    <w:rsid w:val="003A08C6"/>
    <w:rsid w:val="003A17B0"/>
    <w:rsid w:val="003A7A24"/>
    <w:rsid w:val="003C082E"/>
    <w:rsid w:val="003D6904"/>
    <w:rsid w:val="003E0FCD"/>
    <w:rsid w:val="003E1F63"/>
    <w:rsid w:val="003E75D3"/>
    <w:rsid w:val="0040297C"/>
    <w:rsid w:val="00402A63"/>
    <w:rsid w:val="00415A3F"/>
    <w:rsid w:val="00422E34"/>
    <w:rsid w:val="00426AD5"/>
    <w:rsid w:val="004410D7"/>
    <w:rsid w:val="00443047"/>
    <w:rsid w:val="00450AE9"/>
    <w:rsid w:val="00450E4E"/>
    <w:rsid w:val="004560EF"/>
    <w:rsid w:val="00462E9D"/>
    <w:rsid w:val="004714B7"/>
    <w:rsid w:val="004813AE"/>
    <w:rsid w:val="00493B06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0DDA"/>
    <w:rsid w:val="00561CDD"/>
    <w:rsid w:val="0058103C"/>
    <w:rsid w:val="005812A8"/>
    <w:rsid w:val="00587EEF"/>
    <w:rsid w:val="00591073"/>
    <w:rsid w:val="005932D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1FD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20C73"/>
    <w:rsid w:val="00731CA1"/>
    <w:rsid w:val="007322E6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2876"/>
    <w:rsid w:val="007D67B4"/>
    <w:rsid w:val="007D7B51"/>
    <w:rsid w:val="007F0460"/>
    <w:rsid w:val="0080668C"/>
    <w:rsid w:val="00812482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A5C8A"/>
    <w:rsid w:val="008C11AA"/>
    <w:rsid w:val="008C7614"/>
    <w:rsid w:val="008D1EC8"/>
    <w:rsid w:val="008E170A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5B58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912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41692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6380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0149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6441FD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5CEE619733684F32AAA47470B30BC40D">
    <w:name w:val="5CEE619733684F32AAA47470B30BC40D"/>
    <w:rsid w:val="008A5C8A"/>
  </w:style>
  <w:style w:type="paragraph" w:customStyle="1" w:styleId="7F3A9C5BC66F488BAEA3CCAA5C81883B">
    <w:name w:val="7F3A9C5BC66F488BAEA3CCAA5C81883B"/>
    <w:rsid w:val="008A5C8A"/>
  </w:style>
  <w:style w:type="paragraph" w:customStyle="1" w:styleId="BC42A02028DF49E699A2823F0DCDDC03">
    <w:name w:val="BC42A02028DF49E699A2823F0DCDDC03"/>
    <w:rsid w:val="008A5C8A"/>
  </w:style>
  <w:style w:type="paragraph" w:customStyle="1" w:styleId="6150BEE0BE8C4144AA1F056CB974E7FC">
    <w:name w:val="6150BEE0BE8C4144AA1F056CB974E7FC"/>
    <w:rsid w:val="008A5C8A"/>
  </w:style>
  <w:style w:type="paragraph" w:customStyle="1" w:styleId="114D004477B74B7D91B5BE781561ECAB">
    <w:name w:val="114D004477B74B7D91B5BE781561ECAB"/>
    <w:rsid w:val="006441F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x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type":"dropDown","name":"Confidentiality","label":"Confidentiality","helpTexts":{"prefix":"","postfix":""},"spacing":{},"fullyQualifiedName":"Confidentiality"},{"dataSource":"Disclaimers","displayColumn":"showNameDisclaimer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oq/kjwvxtwcHNBRq8whCnA=="},{"name":"DisclaimerLanguage","value":"vG/qWdsptw2OGP/QNt/axA=="},{"name":"Confidentiality","value":"unESNJIGYIDqQZrkhCKsMQ=="},{"name":"DisclaimerOption","value":"vG/qWdsptw2OGP/QNt/axA=="},{"name":"Backpage","value":"5wD669sJIUliB2tF9m31PQ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{"type":"richTextContentControl","id":"85e8c362-3ba9-42e9-9708-5a7d6cc46da0","elementConfiguration":{"binding":"Form.FileRef","visibility":{"action":"hide","operator":"equals","compareValue":""},"removeAndKeepContent":false,"disableUpdates":false,"type":"text"}},{"type":"richTextContentControl","id":"ac462ad3-ad6f-442b-a3c5-c53e9a56b4c0","elementConfiguration":{"binding":"UserProfile.Language.AddressEntityCombinedFull","removeAndKeepContent":false,"disableUpdates":false,"type":"text"}},{"type":"richTextContentControl","id":"489d0764-594b-4e28-8e22-3e96b6339115","elementConfiguration":{"binding":"UserProfile.Language.CountryNameTranslated","removeAndKeepContent":false,"disableUpdates":false,"type":"text"}},{"type":"richTextContentControl","id":"78ad93e2-164a-402b-8110-7e6bf0d387c5","elementConfiguration":{"visibility":{"action":"hide","binding":"UserProfile.Language.Phone","operator":"equals","compareValue":""},"disableUpdates":false,"type":"group"}},{"type":"richTextContentControl","id":"dd8e140e-8833-4a95-a5be-056e51dd94f0","elementConfiguration":{"binding":"Translations.Tel","removeAndKeepContent":false,"disableUpdates":false,"type":"text"}},{"type":"richTextContentControl","id":"be375eb8-3eca-4dec-8cee-6f030baaa769","elementConfiguration":{"binding":"UserProfile.Language.Phone","removeAndKeepContent":false,"disableUpdates":false,"type":"text"}},{"type":"richTextContentControl","id":"e332ec72-e9c1-423e-bed7-8b6bc931f27e","elementConfiguration":{"visibility":{"action":"hide","binding":"UserProfile.Language.Fax","operator":"equals","compareValue":""},"disableUpdates":false,"type":"group"}},{"type":"richTextContentControl","id":"2d8bce20-c788-4f6f-805c-0d630402a53b","elementConfiguration":{"binding":"Translations.Fax","removeAndKeepContent":false,"disableUpdates":false,"type":"text"}},{"type":"richTextContentControl","id":"f4b79c3c-0880-400a-8482-ef3b2cab77a9","elementConfiguration":{"binding":"UserProfile.Language.Fax","removeAndKeepContent":false,"disableUpdates":false,"type":"text"}},{"type":"richTextContentControl","id":"77b22301-2c71-402e-9bdf-2c54dcaec08a","elementConfiguration":{"binding":"UserProfile.Language.Web","visibility":{"action":"hide","operator":"equals","compareValue":""},"removeAndKeepContent":false,"disableUpdates":false,"type":"text"}},{"type":"richTextContentControl","id":"d4016178-49b6-430a-9ccb-63b542a44890","elementConfiguration":{"binding":"Form.ClientName","visibility":{"action":"hide","operator":"equals","compareValue":""},"removeAndKeepContent":false,"disableUpdates":false,"type":"text"}},{"type":"richTextContentControl","id":"b845fbf3-4a49-4238-b6d5-559e8a1fa28b","elementConfiguration":{"binding":"UserProfile.Language.LegalFooterTranslated","removeAndKeepContent":false,"disableUpdates":false,"type":"text"}},{"type":"richTextContentControl","id":"12212df0-25c9-4eaf-8f26-cee08d939766","elementConfiguration":{"binding":"UserProfile.Language.AddressEntityCombinedFull","removeAndKeepContent":false,"disableUpdates":false,"type":"text"}},{"type":"richTextContentControl","id":"f055efc8-e5a3-469c-b91e-3f36aec845b9","elementConfiguration":{"binding":"UserProfile.Language.CountryNameTranslated","removeAndKeepContent":false,"disableUpdates":false,"type":"text"}},{"type":"richTextContentControl","id":"ff43838f-7f38-4233-a442-d5e03ffab64d","elementConfiguration":{"visibility":{"action":"hide","binding":"UserProfile.Language.Phone","operator":"equals","compareValue":""},"disableUpdates":false,"type":"group"}},{"type":"richTextContentControl","id":"0cf71a4a-0056-497b-b623-88dccddaaf87","elementConfiguration":{"binding":"Translations.Tel","removeAndKeepContent":false,"disableUpdates":false,"type":"text"}},{"type":"richTextContentControl","id":"cf349f7b-bac3-4784-a76e-500ca3cc7cdc","elementConfiguration":{"binding":"UserProfile.Language.Phone","removeAndKeepContent":false,"disableUpdates":false,"type":"text"}},{"type":"richTextContentControl","id":"92648e09-0e11-4b64-ae60-f20c0a84d490","elementConfiguration":{"visibility":{"action":"hide","binding":"UserProfile.Language.Fax","operator":"equals","compareValue":""},"disableUpdates":false,"type":"group"}},{"type":"richTextContentControl","id":"c4395741-2f9d-47ea-994d-5d7607a15203","elementConfiguration":{"binding":"Translations.Fax","removeAndKeepContent":false,"disableUpdates":false,"type":"text"}},{"type":"richTextContentControl","id":"f9c895d3-0fd1-437e-88d4-99af679ce3cd","elementConfiguration":{"binding":"UserProfile.Language.Fax","removeAndKeepContent":false,"disableUpdates":false,"type":"text"}},{"type":"richTextContentControl","id":"fd1f1717-5dce-4ff3-8656-4d26d54dd93f","elementConfiguration":{"binding":"UserProfile.Language.Web","visibility":{"action":"hide","operator":"equals","compareValue":""},"removeAndKeepContent":false,"disableUpdates":false,"type":"text"}},{"type":"richTextContentControl","id":"74926569-256c-4850-a397-6ccd3f58db7c","elementConfiguration":{"binding":"Form.ClientName","visibility":{"action":"hide","operator":"equals","compareValue":""},"removeAndKeepContent":false,"disableUpdates":false,"type":"text"}},{"type":"richTextContentControl","id":"4a8b1e05-406d-4aba-9a33-94c3dcd1d99c","elementConfiguration":{"binding":"UserProfile.Language.LegalFooterTranslated","removeAndKeepContent":false,"disableUpdates":false,"type":"text"}},{"type":"richTextContentControl","id":"e90db8f6-dc30-4007-8517-93e8165eec69","elementConfiguration":{"binding":"Form.Documenttitle","removeAndKeepContent":false,"disableUpdates":false,"type":"text"}},{"type":"richTextContentControl","id":"8f9eab02-51eb-4f5d-b260-d73038a476be","elementConfiguration":{"binding":"Form.Documentsubtitle","removeAndKeepContent":false,"disableUpdates":false,"type":"text"}},{"type":"richTextContentControl","id":"41517163-6acd-4dc6-8d2d-f7ae5acafccf","elementConfiguration":{"binding":"Form.DateInsertion","removeAndKeepContent":false,"disableUpdates":false,"type":"text"}},{"type":"richTextContentControl","id":"0e8ea198-7fbf-4419-91c8-32a6e911c014","elementConfiguration":{"binding":"Form.Confidentiality.InsertConfidentiality","visibility":{"action":"hide","operator":"equals","compareValue":""},"removeAndKeepContent":false,"disableUpdates":false,"type":"text"}},{"type":"richTextContentControl","id":"ad0aee87-0518-4d79-be61-04312f0734af","elementConfiguration":{"binding":"Form.Documenttitle","removeAndKeepContent":false,"disableUpdates":false,"type":"text"}},{"type":"richTextContentControl","id":"256836f9-952e-46da-b7a2-8411d9010b29","elementConfiguration":{"binding":"Form.Documentsubtitle","removeAndKeepContent":false,"disableUpdates":false,"type":"text"}},{"type":"richTextContentControl","id":"8bfeb8b6-301d-4429-8b37-bfa67e8b0399","elementConfiguration":{"binding":"Form.DateInsertion","removeAndKeepContent":false,"disableUpdates":false,"type":"text"}},{"type":"richTextContentControl","id":"40fb3a9f-9c23-41ee-b665-b89283b8610c","elementConfiguration":{"binding":"Form.Confidentiality.InsertConfidentiality","visibility":{"action":"hide","operator":"equals","compareValue":""},"removeAndKeepContent":false,"disableUpdates":false,"type":"text"}},{"type":"richTextContentControl","id":"1ebc5757-2c6a-4813-90fd-02bb14c9771a","elementConfiguration":{"binding":"Translations.IssRevRec","removeAndKeepContent":false,"disableUpdates":false,"type":"text"}},{"type":"richTextContentControl","id":"9e672430-e0bc-43a7-b0cc-82e253905701","elementConfiguration":{"binding":"Translations.Revision","removeAndKeepContent":false,"disableUpdates":false,"type":"text"}},{"type":"richTextContentControl","id":"b51f2ebb-856f-46a5-b4cb-0e29d925177d","elementConfiguration":{"binding":"Translations.Date","removeAndKeepContent":false,"disableUpdates":false,"type":"text"}},{"type":"richTextContentControl","id":"e513e51d-ae28-4fa7-80b0-03e08d41d462","elementConfiguration":{"binding":"Translations.Originator","removeAndKeepContent":false,"disableUpdates":false,"type":"text"}},{"type":"richTextContentControl","id":"ce5ac892-a50b-45e3-ad12-c5f38ff00abd","elementConfiguration":{"binding":"Translations.Checkout","removeAndKeepContent":false,"disableUpdates":false,"type":"text"}},{"type":"richTextContentControl","id":"c1828f49-42f7-4b20-83f8-fb925f963b37","elementConfiguration":{"binding":"Translations.Approver","removeAndKeepContent":false,"disableUpdates":false,"type":"text"}},{"type":"richTextContentControl","id":"b0581154-ef1e-459a-bcdf-2931d726e172","elementConfiguration":{"binding":"Translations.Descriptor","removeAndKeepContent":false,"disableUpdates":false,"type":"text"}},{"type":"richTextContentControl","id":"02af1b26-dcf2-44f8-a6ba-28a613f69d96","elementConfiguration":{"binding":"Translations.DocRef","removeAndKeepContent":false,"disableUpdates":false,"type":"text"}},{"type":"richTextContentControl","id":"93e1bf18-9ff9-439a-9f33-b0a561246b7f","elementConfiguration":{"visibility":{"action":"hide","binding":"Form.JobNumber","operator":"equals","compareValue":""},"disableUpdates":false,"type":"group"}},{"type":"richTextContentControl","id":"4b0de0fa-2640-4fe3-859f-b147e0d74763","elementConfiguration":{"binding":"Form.JobNumber","removeAndKeepContent":false,"disableUpdates":false,"type":"text"}},{"type":"richTextContentControl","id":"973a9300-b2d9-4ba8-bc33-93a8749c4a67","elementConfiguration":{"visibility":{"action":"hide","binding":"Form.ReportNumber","operator":"equals","compareValue":""},"disableUpdates":false,"type":"group"}},{"type":"richTextContentControl","id":"a94cf966-ad01-4c63-8ad5-58a7bb9f9da9","elementConfiguration":{"binding":"Form.ReportNumber","removeAndKeepContent":false,"disableUpdates":false,"type":"text"}},{"type":"richTextContentControl","id":"f5900efd-d70f-45f8-8beb-424b2ed9ad13","elementConfiguration":{"binding":"Form.RevisionLetter","visibility":{"action":"hide","operator":"equals","compareValue":""},"removeAndKeepContent":false,"disableUpdates":false,"type":"text"}},{"type":"richTextContentControl","id":"fcb8cb71-f586-4b4d-8b1f-e8644284d11c","elementConfiguration":{"binding":"Form.ProjectDeliverableNumbering","visibility":{"action":"hide","operator":"equals","compareValue":""},"removeAndKeepContent":false,"disableUpdates":false,"type":"text"}},{"type":"richTextContentControl","id":"2e94d526-6865-44c0-a7c8-0652f3a19819","elementConfiguration":{"binding":"Translations.InfoClass","removeAndKeepContent":false,"disableUpdates":false,"type":"text"}},{"type":"richTextContentControl","id":"44780830-8627-4ea8-ad49-b22275b9c541","elementConfiguration":{"binding":"Form.Confidentiality.InsertSecurity","removeAndKeepContent":false,"disableUpdates":false,"type":"text"}},{"type":"richTextContentControl","id":"4a9a14ce-bc5f-41ee-8240-920c55a53577","elementConfiguration":{"binding":"Form.DisclaimerOption.DisclaimerReport","removeAndKeepContent":false,"disableUpdates":false,"type":"text"}},{"type":"richTextContentControl","id":"2fec311b-4ae4-4e04-afd1-88dcffdfdd3b","elementConfiguration":{"binding":"Translations.Contents","removeAndKeepContent":false,"disableUpdates":false,"type":"text"}},{"type":"richTextContentControl","id":"99a861a3-765d-4f6a-861d-892e30b42062","elementConfiguration":{"disableUpdates":false,"type":"group"}},{"type":"richTextContentControl","id":"760b1ccb-ad97-4091-912c-1b969fdf9fc8","elementConfiguration":{"binding":"Translations.Tables","removeAndKeepContent":false,"disableUpdates":false,"type":"text"}},{"type":"richTextContentControl","id":"d0e1a15b-3231-43ae-b62d-b2df10f3e0b4","elementConfiguration":{"binding":"Translations.Table","removeAndKeepContent":false,"disableUpdates":false,"type":"text"}},{"type":"richTextContentControl","id":"d290a178-7153-46a5-af8d-ae10f16c3d58","elementConfiguration":{"disableUpdates":false,"type":"group"}},{"type":"richTextContentControl","id":"a954f3dc-a045-47c0-8d28-40ee6effeaec","elementConfiguration":{"binding":"Translations.Figures","removeAndKeepContent":false,"disableUpdates":false,"type":"text"}},{"type":"richTextContentControl","id":"642e0448-f55b-4016-b8ab-6fa8e731f62a","elementConfiguration":{"binding":"Translations.Figure","removeAndKeepContent":false,"disableUpdates":false,"type":"text"}},{"type":"richTextContentControl","id":"2ccf6d07-8afb-43a7-a81f-70d68a97e5f6","elementConfiguration":{"disableUpdates":false,"type":"group"}},{"type":"richTextContentControl","id":"ee26ad36-5f19-4bdf-bb55-c1012be02464","elementConfiguration":{"binding":"Translations.Photos","removeAndKeepContent":false,"disableUpdates":false,"type":"text"}},{"type":"richTextContentControl","id":"21fd26a4-ff2b-4c8b-a1b2-715cf0825450","elementConfiguration":{"binding":"Translations.Photo","removeAndKeepContent":false,"disableUpdates":false,"type":"text"}},{"type":"richTextContentControl","id":"360ce3da-5d06-4421-90bd-0cd2495570b3","elementConfiguration":{"disableUpdates":false,"type":"group"}},{"type":"richTextContentControl","id":"b3a6777b-a895-49d1-9b48-52af9022c2bb","elementConfiguration":{"binding":"Translations.Maps","removeAndKeepContent":false,"disableUpdates":false,"type":"text"}},{"type":"richTextContentControl","id":"d638413e-f91a-49dd-9228-e0a9bc8dc611","elementConfiguration":{"binding":"Translations.Map","removeAndKeepContent":false,"disableUpdates":false,"type":"text"}},{"type":"richTextContentControl","id":"1d5a0910-5612-43bd-ae7f-caccc22c8a2e","elementConfiguration":{"disableUpdates":false,"type":"group"}},{"type":"richTextContentControl","id":"ed33eea1-074c-44c5-a21f-e86d00b35fde","elementConfiguration":{"binding":"Translations.Charts","removeAndKeepContent":false,"disableUpdates":false,"type":"text"}},{"type":"richTextContentControl","id":"59c8a316-3bfd-49a1-9f9c-e4a19ae1b90a","elementConfiguration":{"binding":"Translations.Chart","removeAndKeepContent":false,"disableUpdates":false,"type":"text"}},{"type":"richTextContentControl","id":"4efec458-7d57-4bad-9423-3ea5496170f6","elementConfiguration":{"disableUpdates":false,"type":"group"}},{"type":"richTextContentControl","id":"01331e31-3534-4f4d-a358-23540e96d77f","elementConfiguration":{"binding":"Translations.Appendix","removeAndKeepContent":false,"disableUpdates":false,"type":"text"}},{"type":"richTextContentControl","id":"bb90208d-8813-4924-9fa3-b6b8e5c1ca0d","elementConfiguration":{"disableUpdates":false,"type":"group"}},{"type":"richTextContentControl","id":"6a444915-91cd-4e21-a66a-dae135f23314","elementConfiguration":{"binding":"Translations.Appendix","removeAndKeepContent":false,"disableUpdates":false,"type":"text"}},{"type":"richTextContentControl","id":"be2ae213-538c-4e2b-892f-3e2168bb4b43","elementConfiguration":{"disableUpdates":false,"type":"group"}},{"type":"richTextContentControl","id":"ba9c0625-229e-4151-8579-89c75bf9a06c","elementConfiguration":{"binding":"Translations.Appendix","removeAndKeepContent":false,"disableUpdates":false,"type":"text"}},{"type":"richTextContentControl","id":"6291d740-87f3-462a-8a6f-fb7c92a71f4f","elementConfiguration":{"disableUpdates":false,"type":"group"}},{"type":"richTextContentControl","id":"fad4be42-c92e-425b-aa1d-9f953702586a","elementConfiguration":{"binding":"Translations.Appendix","removeAndKeepContent":false,"disableUpdates":false,"type":"text"}},{"type":"richTextContentControl","id":"bf76ccd2-78a7-405c-959b-cffe5acc58f7","elementConfiguration":{"disableUpdates":false,"type":"group"}},{"type":"richTextContentControl","id":"619dbaf0-4ba8-4f40-8cb9-d906d3e1631c","elementConfiguration":{"binding":"Translations.Appendix","removeAndKeepContent":false,"disableUpdates":false,"type":"text"}},{"type":"richTextContentControl","id":"c643be24-cfda-4982-b112-d7d1d3fcca81","elementConfiguration":{"binding":"Translations.ExecSum","removeAndKeepContent":false,"disableUpdates":false,"type":"text"}},{"type":"richTextContentControl","id":"a1ac2264-005d-4cb5-ba6c-5f0ec7e2f298","elementConfiguration":{"visibility":{"action":"delete","binding":"Form.Backpage.Visibility","operator":"equals","compareValue":"true"},"disableUpdates":false,"type":"group"}},{"type":"richTextContentControl","id":"5c420505-2bd8-4a29-89e1-cd5c52993ccb","elementConfiguration":{"binding":"UserProfile.Language.Web","visibility":{"action":"hide","operator":"equals","compareValue":""},"removeAndKeepContent":false,"disableUpdates":false,"type":"text"}},{"type":"richTextContentControl","id":"2f7941f6-dc84-49f7-8148-2336fdc85f5c","elementConfiguration":{"binding":"UserProfile.Language.Web","visibility":{"action":"hide","operator":"equals","compareValue":""},"removeAndKeepContent":false,"disableUpdates":false,"type":"text"}},{"type":"richTextContentControl","id":"7aea085f-ef82-42b0-acfe-985618b4a7ce","elementConfiguration":{"binding":"UserProfile.Language.LogoType","removeAndKeepContent":false,"disableUpdates":false,"type":"text"}},{"type":"richTextContentControl","id":"0c145859-b848-4ac5-8b41-cd1648463505","elementConfiguration":{"visibility":{"action":"hide","binding":"Form.Confidentiality.InsertConfidentiality","operator":"equals","compareValue":""},"disableUpdates":false,"type":"group"}},{"type":"richTextContentControl","id":"860c266c-edde-4a37-8d77-d50a1751fced","elementConfiguration":{"binding":"Form.Confidentiality.InsertConfidentiality","removeAndKeepContent":false,"disableUpdates":false,"type":"text"}},{"type":"richTextContentControl","id":"6e8b6543-2c2a-4654-922f-4176a6cec41f","elementConfiguration":{"binding":"Form.Documenttitle","removeAndKeepContent":false,"disableUpdates":false,"type":"text"}},{"type":"richTextContentControl","id":"4370cef2-9eba-44ef-94f7-bd5420c482cc","elementConfiguration":{"binding":"Form.Documentsubtitle","removeAndKeepContent":false,"disableUpdates":false,"type":"text"}},{"type":"richTextContentControl","id":"1715ec9b-168d-4cc5-8137-cc7150a93ec6","elementConfiguration":{"binding":"UserProfile.Language.LogoType","removeAndKeepContent":false,"disableUpdates":false,"type":"text"}},{"type":"richTextContentControl","id":"e3815f05-29ac-4d8f-bb8b-fcd263e3ace0","elementConfiguration":{"visibility":{"action":"hide","binding":"Form.Confidentiality.InsertConfidentiality","operator":"equals","compareValue":""},"disableUpdates":false,"type":"group"}},{"type":"richTextContentControl","id":"8fb29b82-11da-47f2-8ac2-b79c1bceaeca","elementConfiguration":{"binding":"Form.Confidentiality.InsertConfidentiality","removeAndKeepContent":false,"disableUpdates":false,"type":"text"}},{"type":"richTextContentControl","id":"2bc001ee-7b1b-45f6-ab14-d197a7f29646","elementConfiguration":{"binding":"Form.Documenttitle","removeAndKeepContent":false,"disableUpdates":false,"type":"text"}},{"type":"richTextContentControl","id":"cdbafe41-9ac4-4f7f-a291-f012ad85b041","elementConfiguration":{"binding":"Form.Documentsubtitle","removeAndKeepContent":false,"disableUpdates":false,"type":"text"}},{"type":"richTextContentControl","id":"54b66e44-578b-429a-88dc-8ffc14d7b4c2","elementConfiguration":{"binding":"Form.Documenttitle","removeAndKeepContent":false,"disableUpdates":false,"type":"text"}},{"type":"richTextContentControl","id":"d5fab4e6-f73e-45b4-8f40-f0eab07a199c","elementConfiguration":{"binding":"Form.Documentsubtitle","removeAndKeepContent":false,"disableUpdates":false,"type":"text"}},{"type":"richTextContentControl","id":"ad6b46f6-56b6-4917-b442-31c2fe3c4e04","elementConfiguration":{"binding":"Form.DateInsertion","removeAndKeepContent":false,"disableUpdates":false,"type":"text"}},{"type":"richTextContentControl","id":"d79b6561-9f9e-4484-8b99-bc6880e1b945","elementConfiguration":{"binding":"Form.Confidentiality.InsertConfidentiality","visibility":{"action":"hide","operator":"equals","compareValue":""},"removeAndKeepContent":false,"disableUpdates":false,"type":"text"}},{"type":"richTextContentControl","id":"fc987257-0801-40ea-8ab8-18c3a11887a4","elementConfiguration":{"binding":"Form.FileRef","visibility":{"action":"hide","operator":"equals","compareValue":""},"removeAndKeepContent":false,"disableUpdates":false,"type":"text"}},{"type":"richTextContentControl","id":"c3560836-b9a5-4f21-8c64-74b1ebaca068","elementConfiguration":{"visibility":{"action":"hide","binding":"Form.JobNumber","operator":"equals","compareValue":""},"disableUpdates":false,"type":"group"}},{"type":"richTextContentControl","id":"367afc09-4960-421b-bdbd-31707147ba15","elementConfiguration":{"binding":"Form.JobNumber","removeAndKeepContent":false,"disableUpdates":false,"type":"text"}},{"type":"richTextContentControl","id":"b784f490-b190-4572-a7c5-0783756c71b2","elementConfiguration":{"visibility":{"action":"hide","binding":"Form.ReportNumber","operator":"equals","compareValue":""},"disableUpdates":false,"type":"group"}},{"type":"richTextContentControl","id":"3ba6209d-ee71-410a-8c95-5a799e04410c","elementConfiguration":{"binding":"Form.ReportNumber","removeAndKeepContent":false,"disableUpdates":false,"type":"text"}},{"type":"richTextContentControl","id":"3c62995b-3636-4546-8a7f-877dbe9f797f","elementConfiguration":{"visibility":{"action":"hide","binding":"Form.RevisionLetter","operator":"equals","compareValue":""},"disableUpdates":false,"type":"group"}},{"type":"richTextContentControl","id":"73a66585-502f-42e1-bf57-dd800cd3030a","elementConfiguration":{"binding":"Form.RevisionLetter","removeAndKeepContent":false,"disableUpdates":false,"type":"text"}},{"type":"richTextContentControl","id":"84fe7594-1694-4a56-a0e8-99f3a837d565","elementConfiguration":{"visibility":{"action":"hide","binding":"Form.ProjectDeliverableNumbering","operator":"equals","compareValue":""},"disableUpdates":false,"type":"group"}},{"type":"richTextContentControl","id":"1b946d1a-b482-415c-bd6b-7edcba5ce99c","elementConfiguration":{"binding":"Form.ProjectDeliverableNumbering","removeAndKeepContent":false,"disableUpdates":false,"type":"text"}},{"type":"richTextContentControl","id":"5e30cb74-4711-4b93-812d-42ba0396b424","elementConfiguration":{"binding":"Form.DateInsertion","removeAndKeepContent":false,"disableUpdates":false,"type":"text"}},{"type":"richTextContentControl","id":"19b340dd-3bb8-4825-80d9-d8b4f355698d","elementConfiguration":{"binding":"Form.FilePath","visibility":{"action":"hide","operator":"equals","compareValue":""},"removeAndKeepContent":false,"disableUpdates":false,"type":"text"}},{"type":"richTextContentControl","id":"f53234c1-ac86-4687-8e2c-f365d4927fb9","elementConfiguration":{"visibility":{"action":"hide","binding":"Form.JobNumber","operator":"equals","compareValue":""},"disableUpdates":false,"type":"group"}},{"type":"richTextContentControl","id":"91ff30db-1329-47f8-b9ea-91430dbb093f","elementConfiguration":{"binding":"Form.JobNumber","removeAndKeepContent":false,"disableUpdates":false,"type":"text"}},{"type":"richTextContentControl","id":"652febf7-6aae-45d8-a732-cbf85a57b24c","elementConfiguration":{"visibility":{"action":"hide","binding":"Form.ReportNumber","operator":"equals","compareValue":""},"disableUpdates":false,"type":"group"}},{"type":"richTextContentControl","id":"f61c7bbe-1077-4c60-a665-5082c74d8206","elementConfiguration":{"binding":"Form.ReportNumber","removeAndKeepContent":false,"disableUpdates":false,"type":"text"}},{"type":"richTextContentControl","id":"ae1bf9e7-f3a9-4ced-bf59-2629f0259fc3","elementConfiguration":{"visibility":{"action":"hide","binding":"Form.RevisionLetter","operator":"equals","compareValue":""},"disableUpdates":false,"type":"group"}},{"type":"richTextContentControl","id":"eb4f2e17-6f74-4e53-bacb-69b46a207a3c","elementConfiguration":{"binding":"Form.RevisionLetter","removeAndKeepContent":false,"disableUpdates":false,"type":"text"}},{"type":"richTextContentControl","id":"29a96283-476f-45e7-9fe6-37f7a1cffba8","elementConfiguration":{"visibility":{"action":"hide","binding":"Form.ProjectDeliverableNumbering","operator":"equals","compareValue":""},"disableUpdates":false,"type":"group"}},{"type":"richTextContentControl","id":"b2e1513b-ca74-4774-8131-452ee3c8adcf","elementConfiguration":{"binding":"Form.ProjectDeliverableNumbering","removeAndKeepContent":false,"disableUpdates":false,"type":"text"}},{"type":"richTextContentControl","id":"423c5829-3551-49f5-9be9-10e315d3fde9","elementConfiguration":{"binding":"Form.DateInsertion","removeAndKeepContent":false,"disableUpdates":false,"type":"text"}},{"type":"richTextContentControl","id":"bc76a2e7-5383-446e-9510-059535d18547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Props1.xml><?xml version="1.0" encoding="utf-8"?>
<ds:datastoreItem xmlns:ds="http://schemas.openxmlformats.org/officeDocument/2006/customXml" ds:itemID="{11CB832E-A780-4453-8DF1-36F5C04F5435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2.xml><?xml version="1.0" encoding="utf-8"?>
<ds:datastoreItem xmlns:ds="http://schemas.openxmlformats.org/officeDocument/2006/customXml" ds:itemID="{FA61B0EC-B00A-426D-882D-401E31DFA90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35A73BA-9ED4-417A-A035-71F43369362A}"/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CB7BAB96-F8A0-4C61-AD20-9F58C69699EE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085968D5-62FE-48BD-83DA-8BAC3AA89F0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0</Pages>
  <Words>972</Words>
  <Characters>5547</Characters>
  <Application>Microsoft Office Word</Application>
  <DocSecurity>0</DocSecurity>
  <Lines>46</Lines>
  <Paragraphs>13</Paragraphs>
  <ScaleCrop>false</ScaleCrop>
  <Company>Connected Places Catapult</Company>
  <LinksUpToDate>false</LinksUpToDate>
  <CharactersWithSpaces>65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mmi Ihalainen</dc:creator>
  <cp:keywords/>
  <dc:description/>
  <cp:lastModifiedBy>Emmi Ihalainen</cp:lastModifiedBy>
  <cp:revision>2</cp:revision>
  <dcterms:created xsi:type="dcterms:W3CDTF">2023-11-13T12:35:00Z</dcterms:created>
  <dcterms:modified xsi:type="dcterms:W3CDTF">2023-11-13T12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7ebc7fc8-dd1a-419c-8006-9869ea23bc4c</vt:lpwstr>
  </property>
</Properties>
</file>